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4D54F20" w14:textId="77777777" w:rsidR="00B722F4" w:rsidRDefault="001E669C" w:rsidP="00446653">
      <w:pPr>
        <w:pStyle w:val="Heading1"/>
        <w:jc w:val="center"/>
      </w:pPr>
      <w:r>
        <w:t xml:space="preserve">Chapter 2: </w:t>
      </w:r>
      <w:r w:rsidR="00446653">
        <w:t>Developing the Persistency with JPA and exposing it as OData Service</w:t>
      </w:r>
    </w:p>
    <w:p w14:paraId="664973BC" w14:textId="77777777" w:rsidR="00446653" w:rsidRDefault="00446653" w:rsidP="00446653"/>
    <w:p w14:paraId="2AE9EFD4" w14:textId="77777777" w:rsidR="00446653" w:rsidRDefault="00446653" w:rsidP="00446653">
      <w:r>
        <w:t xml:space="preserve">In this </w:t>
      </w:r>
      <w:r w:rsidR="00F2414C">
        <w:t>chapter</w:t>
      </w:r>
      <w:r w:rsidR="001A7306">
        <w:t>, we shall develop the p</w:t>
      </w:r>
      <w:r>
        <w:t xml:space="preserve">ersistency </w:t>
      </w:r>
      <w:r w:rsidR="00AF0D84">
        <w:t xml:space="preserve">and expose it as OData service, </w:t>
      </w:r>
      <w:r w:rsidR="00CA67DE">
        <w:t>for the “</w:t>
      </w:r>
      <w:proofErr w:type="spellStart"/>
      <w:r w:rsidR="00CA67DE">
        <w:t>p</w:t>
      </w:r>
      <w:r>
        <w:t>ersonslist</w:t>
      </w:r>
      <w:proofErr w:type="spellEnd"/>
      <w:r>
        <w:t>” UI which we developed</w:t>
      </w:r>
      <w:r w:rsidR="00BD7912">
        <w:t xml:space="preserve"> earlier</w:t>
      </w:r>
      <w:r>
        <w:t>.</w:t>
      </w:r>
    </w:p>
    <w:p w14:paraId="6BA26D82" w14:textId="77777777" w:rsidR="001A7306" w:rsidRDefault="00F70347" w:rsidP="00446653">
      <w:r>
        <w:t>There are 3</w:t>
      </w:r>
      <w:r w:rsidR="0086255B">
        <w:t xml:space="preserve"> </w:t>
      </w:r>
      <w:r w:rsidR="001A7306">
        <w:t>steps for the above.</w:t>
      </w:r>
    </w:p>
    <w:p w14:paraId="514FF7BB" w14:textId="77777777" w:rsidR="001A7306" w:rsidRPr="00935F5A" w:rsidRDefault="001A7306" w:rsidP="00935F5A">
      <w:pPr>
        <w:pStyle w:val="ListParagraph"/>
        <w:numPr>
          <w:ilvl w:val="0"/>
          <w:numId w:val="2"/>
        </w:numPr>
        <w:rPr>
          <w:b/>
        </w:rPr>
      </w:pPr>
      <w:r w:rsidRPr="00935F5A">
        <w:rPr>
          <w:b/>
        </w:rPr>
        <w:t>Create the JPA Entity for the Person table.</w:t>
      </w:r>
    </w:p>
    <w:p w14:paraId="03DFA32B" w14:textId="77777777" w:rsidR="001A7306" w:rsidRPr="00935F5A" w:rsidRDefault="001A7306" w:rsidP="00935F5A">
      <w:pPr>
        <w:pStyle w:val="ListParagraph"/>
        <w:numPr>
          <w:ilvl w:val="0"/>
          <w:numId w:val="2"/>
        </w:numPr>
        <w:rPr>
          <w:b/>
        </w:rPr>
      </w:pPr>
      <w:r w:rsidRPr="00935F5A">
        <w:rPr>
          <w:b/>
        </w:rPr>
        <w:t>Expose the JPA as OData service.</w:t>
      </w:r>
    </w:p>
    <w:p w14:paraId="3583611E" w14:textId="77777777" w:rsidR="00E54011" w:rsidRPr="00935F5A" w:rsidRDefault="00E54011" w:rsidP="00935F5A">
      <w:pPr>
        <w:pStyle w:val="ListParagraph"/>
        <w:numPr>
          <w:ilvl w:val="0"/>
          <w:numId w:val="2"/>
        </w:numPr>
        <w:rPr>
          <w:b/>
        </w:rPr>
      </w:pPr>
      <w:r w:rsidRPr="00935F5A">
        <w:rPr>
          <w:b/>
        </w:rPr>
        <w:t>Deploy the application on to SAP Cloud Platform trial account.</w:t>
      </w:r>
    </w:p>
    <w:p w14:paraId="0C319418" w14:textId="77777777" w:rsidR="00E46141" w:rsidRPr="00E0227D" w:rsidRDefault="00E46141" w:rsidP="00446653"/>
    <w:p w14:paraId="650B082D" w14:textId="77777777" w:rsidR="001A7306" w:rsidRPr="00E46141" w:rsidRDefault="001A7306" w:rsidP="00446653">
      <w:pPr>
        <w:rPr>
          <w:b/>
          <w:sz w:val="32"/>
          <w:szCs w:val="32"/>
        </w:rPr>
      </w:pPr>
      <w:r w:rsidRPr="00E46141">
        <w:rPr>
          <w:b/>
          <w:sz w:val="32"/>
          <w:szCs w:val="32"/>
        </w:rPr>
        <w:t>1. Create the JPA Entity for the Person table</w:t>
      </w:r>
    </w:p>
    <w:p w14:paraId="73458DAC" w14:textId="77777777" w:rsidR="001A7306" w:rsidRDefault="001A7306" w:rsidP="00446653">
      <w:r>
        <w:t>Creating the JPA Entity consists of the following sub steps</w:t>
      </w:r>
    </w:p>
    <w:p w14:paraId="4E58EBD5" w14:textId="77777777" w:rsidR="001A7306" w:rsidRDefault="001A7306" w:rsidP="00446653">
      <w:r w:rsidRPr="001A7306">
        <w:t>a. Creating the Dynamic Web project in Eclipse</w:t>
      </w:r>
      <w:r w:rsidR="00772359">
        <w:t>.</w:t>
      </w:r>
    </w:p>
    <w:p w14:paraId="445C1708" w14:textId="77777777" w:rsidR="001A7306" w:rsidRDefault="001A7306" w:rsidP="00446653">
      <w:r w:rsidRPr="001A7306">
        <w:t>b. set the Java package for the JPA Entity</w:t>
      </w:r>
      <w:r w:rsidR="00772359">
        <w:t>.</w:t>
      </w:r>
    </w:p>
    <w:p w14:paraId="1BEC60C8" w14:textId="77777777" w:rsidR="001A7306" w:rsidRDefault="001A7306" w:rsidP="00446653">
      <w:r w:rsidRPr="001A7306">
        <w:t>c. Creating the Person JPA Entity</w:t>
      </w:r>
      <w:r w:rsidR="00772359">
        <w:t>.</w:t>
      </w:r>
    </w:p>
    <w:p w14:paraId="56498816" w14:textId="77777777" w:rsidR="001A7306" w:rsidRPr="001A7306" w:rsidRDefault="001A7306" w:rsidP="00446653">
      <w:r w:rsidRPr="001A7306">
        <w:t>d. Set the details for Person Entity</w:t>
      </w:r>
      <w:r w:rsidR="00772359">
        <w:t>.</w:t>
      </w:r>
    </w:p>
    <w:p w14:paraId="5DF68D01" w14:textId="77777777" w:rsidR="001A7306" w:rsidRDefault="001A7306" w:rsidP="00410FC4">
      <w:pPr>
        <w:rPr>
          <w:b/>
        </w:rPr>
      </w:pPr>
    </w:p>
    <w:p w14:paraId="568C5779" w14:textId="77777777" w:rsidR="00410FC4" w:rsidRPr="00AA3139" w:rsidRDefault="00410FC4" w:rsidP="00410FC4">
      <w:pPr>
        <w:rPr>
          <w:b/>
        </w:rPr>
      </w:pPr>
      <w:r w:rsidRPr="00AA3139">
        <w:rPr>
          <w:b/>
        </w:rPr>
        <w:t xml:space="preserve">a. Creating the </w:t>
      </w:r>
      <w:r w:rsidR="00175DC4">
        <w:rPr>
          <w:b/>
        </w:rPr>
        <w:t xml:space="preserve">Dynamic Web </w:t>
      </w:r>
      <w:r w:rsidRPr="00AA3139">
        <w:rPr>
          <w:b/>
        </w:rPr>
        <w:t>project in Eclipse</w:t>
      </w:r>
    </w:p>
    <w:p w14:paraId="61049D50" w14:textId="77777777" w:rsidR="00410FC4" w:rsidRPr="00305CA4" w:rsidRDefault="00410FC4" w:rsidP="00410FC4">
      <w:r>
        <w:t xml:space="preserve">1. Launch Eclipse by running the “eclipse.exe” file located in the </w:t>
      </w:r>
      <w:r w:rsidRPr="00305CA4">
        <w:rPr>
          <w:i/>
        </w:rPr>
        <w:t>&lt;eclipse-unzipped-directory&gt;\eclipse\eclipse.exe</w:t>
      </w:r>
      <w:r>
        <w:rPr>
          <w:i/>
        </w:rPr>
        <w:t xml:space="preserve">. </w:t>
      </w:r>
      <w:r>
        <w:t>This opens the eclipse workspace dialog</w:t>
      </w:r>
    </w:p>
    <w:p w14:paraId="0913F689" w14:textId="77777777" w:rsidR="00446653" w:rsidRDefault="00410FC4" w:rsidP="00446653">
      <w:r>
        <w:t xml:space="preserve">2. Enter </w:t>
      </w:r>
      <w:r w:rsidRPr="00F73B0E">
        <w:rPr>
          <w:i/>
        </w:rPr>
        <w:t>C:\Users\&lt;username&gt;\workspace</w:t>
      </w:r>
      <w:r>
        <w:t xml:space="preserve"> as the workspace for the application and click on the “Ok” button.</w:t>
      </w:r>
    </w:p>
    <w:p w14:paraId="5DE58B88" w14:textId="77777777" w:rsidR="00446653" w:rsidRDefault="00410FC4" w:rsidP="00446653">
      <w:r>
        <w:t xml:space="preserve">3. From the </w:t>
      </w:r>
      <w:r w:rsidR="006A5AD6">
        <w:t xml:space="preserve">Eclipse menu bar, select </w:t>
      </w:r>
      <w:r w:rsidR="006A5AD6" w:rsidRPr="006A5AD6">
        <w:t>File -&gt; New -&gt; Dy</w:t>
      </w:r>
      <w:r w:rsidR="006A5AD6">
        <w:t>namic Web Project as shown below</w:t>
      </w:r>
    </w:p>
    <w:p w14:paraId="4A26CF3A" w14:textId="77777777" w:rsidR="006A5AD6" w:rsidRDefault="006A5AD6" w:rsidP="00446653">
      <w:r>
        <w:rPr>
          <w:noProof/>
          <w:lang w:bidi="hi-IN"/>
        </w:rPr>
        <w:lastRenderedPageBreak/>
        <w:drawing>
          <wp:inline distT="0" distB="0" distL="0" distR="0" wp14:anchorId="510F8A16" wp14:editId="5C3159AA">
            <wp:extent cx="3857625" cy="3283927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3859078" cy="32851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DE8B059" w14:textId="77777777" w:rsidR="006A5AD6" w:rsidRDefault="006A5AD6" w:rsidP="00446653">
      <w:r>
        <w:t>3. In the dialog opened, enter the project name as “</w:t>
      </w:r>
      <w:proofErr w:type="spellStart"/>
      <w:r>
        <w:t>personslist-jpa</w:t>
      </w:r>
      <w:proofErr w:type="spellEnd"/>
      <w:r>
        <w:t xml:space="preserve">”. Make sure that the </w:t>
      </w:r>
    </w:p>
    <w:p w14:paraId="72C21CB9" w14:textId="77777777" w:rsidR="004E046E" w:rsidRDefault="006A5AD6" w:rsidP="00446653">
      <w:r>
        <w:t xml:space="preserve">Target runtime = </w:t>
      </w:r>
      <w:r w:rsidR="008911E6">
        <w:t>Java Web</w:t>
      </w:r>
      <w:r w:rsidR="006C4F68">
        <w:t xml:space="preserve"> Tomcat</w:t>
      </w:r>
      <w:r w:rsidR="009F46FE">
        <w:t xml:space="preserve"> </w:t>
      </w:r>
      <w:r w:rsidR="006C4F68">
        <w:t xml:space="preserve">8 </w:t>
      </w:r>
      <w:r>
        <w:t>,</w:t>
      </w:r>
      <w:r w:rsidR="001321BE">
        <w:t xml:space="preserve"> </w:t>
      </w:r>
      <w:r w:rsidR="004E046E">
        <w:t xml:space="preserve">  The pre-requisite of this is you have already </w:t>
      </w:r>
      <w:hyperlink r:id="rId6" w:history="1">
        <w:r w:rsidR="004E046E" w:rsidRPr="004E046E">
          <w:rPr>
            <w:rStyle w:val="Hyperlink"/>
          </w:rPr>
          <w:t>set up the run time environment</w:t>
        </w:r>
      </w:hyperlink>
      <w:r w:rsidR="004E046E">
        <w:t xml:space="preserve"> inside the eclipse.</w:t>
      </w:r>
    </w:p>
    <w:p w14:paraId="1BD4CF9C" w14:textId="77777777" w:rsidR="006A5AD6" w:rsidRDefault="006C4F68" w:rsidP="00446653">
      <w:r>
        <w:t>Dynamic web module version = 3.1</w:t>
      </w:r>
    </w:p>
    <w:p w14:paraId="4E2D4473" w14:textId="77777777" w:rsidR="00361348" w:rsidRDefault="00361348" w:rsidP="00446653">
      <w:r>
        <w:t>Click on the Modify button</w:t>
      </w:r>
    </w:p>
    <w:p w14:paraId="39A7D322" w14:textId="77777777" w:rsidR="006A5AD6" w:rsidRDefault="00E848FB" w:rsidP="00446653">
      <w:r>
        <w:rPr>
          <w:noProof/>
          <w:lang w:bidi="hi-IN"/>
        </w:rPr>
        <w:lastRenderedPageBreak/>
        <w:drawing>
          <wp:inline distT="0" distB="0" distL="0" distR="0" wp14:anchorId="6C49A945" wp14:editId="60EFA617">
            <wp:extent cx="4832254" cy="5556250"/>
            <wp:effectExtent l="0" t="0" r="6985" b="6350"/>
            <wp:docPr id="37" name="Picture 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34821" cy="555920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5B93A5" w14:textId="77777777" w:rsidR="006A5AD6" w:rsidRDefault="006A5AD6" w:rsidP="00446653">
      <w:r>
        <w:t>4. This opens the window “Project Facets”. Select the checkbox against the “JPA”.</w:t>
      </w:r>
    </w:p>
    <w:p w14:paraId="323C080B" w14:textId="77777777" w:rsidR="006A5AD6" w:rsidRDefault="009F46FE" w:rsidP="00446653">
      <w:r>
        <w:rPr>
          <w:noProof/>
          <w:lang w:bidi="hi-IN"/>
        </w:rPr>
        <w:lastRenderedPageBreak/>
        <w:drawing>
          <wp:inline distT="0" distB="0" distL="0" distR="0" wp14:anchorId="64C39B17" wp14:editId="3F21C049">
            <wp:extent cx="4733270" cy="3727450"/>
            <wp:effectExtent l="0" t="0" r="0" b="6350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4739891" cy="37326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40D6570" w14:textId="77777777" w:rsidR="006A5AD6" w:rsidRDefault="006A5AD6" w:rsidP="00446653">
      <w:r>
        <w:t>5. Click on the “OK” button to close the “Projects Facets” Window. The result is as shown in the following snapshot.</w:t>
      </w:r>
    </w:p>
    <w:p w14:paraId="50F9528D" w14:textId="77777777" w:rsidR="006A5AD6" w:rsidRDefault="009F46FE" w:rsidP="00446653">
      <w:r>
        <w:rPr>
          <w:noProof/>
          <w:lang w:bidi="hi-IN"/>
        </w:rPr>
        <w:lastRenderedPageBreak/>
        <w:drawing>
          <wp:inline distT="0" distB="0" distL="0" distR="0" wp14:anchorId="0CDA7ED3" wp14:editId="35401103">
            <wp:extent cx="4107693" cy="4723130"/>
            <wp:effectExtent l="0" t="0" r="7620" b="1270"/>
            <wp:docPr id="32" name="Picture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18160" cy="473516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7E0D566" w14:textId="012AFFFB" w:rsidR="00361348" w:rsidRDefault="009A593A" w:rsidP="00446653">
      <w:r>
        <w:t xml:space="preserve">6. Click on the “Next &gt;” button. </w:t>
      </w:r>
      <w:r w:rsidR="00D639CA">
        <w:t>Again,</w:t>
      </w:r>
      <w:r>
        <w:t xml:space="preserve"> click on the “Next &gt;” button. In the resulting screen, for the “Platform” content, </w:t>
      </w:r>
      <w:r w:rsidR="00EB6326">
        <w:t>you will select</w:t>
      </w:r>
      <w:r w:rsidR="00E848FB">
        <w:t xml:space="preserve"> “</w:t>
      </w:r>
      <w:proofErr w:type="spellStart"/>
      <w:r w:rsidR="00E848FB">
        <w:t>EclipseLink</w:t>
      </w:r>
      <w:proofErr w:type="spellEnd"/>
      <w:r w:rsidR="00E848FB">
        <w:t xml:space="preserve"> </w:t>
      </w:r>
      <w:r>
        <w:t xml:space="preserve">2.5.x”. For the JPA Implementation type, </w:t>
      </w:r>
      <w:r w:rsidR="00E848FB">
        <w:t xml:space="preserve">you </w:t>
      </w:r>
      <w:r w:rsidR="00EB6326">
        <w:t>will choose</w:t>
      </w:r>
      <w:r>
        <w:t xml:space="preserve"> “Disable Library Configuration”.</w:t>
      </w:r>
    </w:p>
    <w:p w14:paraId="57676C4A" w14:textId="77777777" w:rsidR="00E848FB" w:rsidRDefault="00E848FB" w:rsidP="00446653">
      <w:r>
        <w:rPr>
          <w:noProof/>
          <w:lang w:bidi="hi-IN"/>
        </w:rPr>
        <w:lastRenderedPageBreak/>
        <w:drawing>
          <wp:inline distT="0" distB="0" distL="0" distR="0" wp14:anchorId="75D967F1" wp14:editId="3075902C">
            <wp:extent cx="3839536" cy="4445000"/>
            <wp:effectExtent l="0" t="0" r="8890" b="0"/>
            <wp:docPr id="39" name="Picture 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3870480" cy="448082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5B2429A" w14:textId="77777777" w:rsidR="009A593A" w:rsidRDefault="00361348" w:rsidP="00446653">
      <w:r>
        <w:t>Also, select the Persistent class management as “Discover annotated classes automatically”</w:t>
      </w:r>
    </w:p>
    <w:p w14:paraId="12B1E11E" w14:textId="77777777" w:rsidR="009A593A" w:rsidRDefault="00E848FB" w:rsidP="00446653">
      <w:r>
        <w:rPr>
          <w:noProof/>
          <w:lang w:bidi="hi-IN"/>
        </w:rPr>
        <w:lastRenderedPageBreak/>
        <w:drawing>
          <wp:inline distT="0" distB="0" distL="0" distR="0" wp14:anchorId="2928B922" wp14:editId="1A531C54">
            <wp:extent cx="4030970" cy="4641215"/>
            <wp:effectExtent l="0" t="0" r="8255" b="6985"/>
            <wp:docPr id="41" name="Picture 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045934" cy="46584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9A593A">
        <w:tab/>
      </w:r>
    </w:p>
    <w:p w14:paraId="3A9F3C99" w14:textId="0F8F0936" w:rsidR="00834531" w:rsidRPr="003B4A1C" w:rsidRDefault="0070318C" w:rsidP="00446653">
      <w:pPr>
        <w:rPr>
          <w:color w:val="000000" w:themeColor="text1"/>
        </w:rPr>
      </w:pPr>
      <w:r w:rsidRPr="003B4A1C">
        <w:rPr>
          <w:color w:val="000000" w:themeColor="text1"/>
        </w:rPr>
        <w:t xml:space="preserve">7. </w:t>
      </w:r>
      <w:r w:rsidR="00834531" w:rsidRPr="003B4A1C">
        <w:rPr>
          <w:color w:val="000000" w:themeColor="text1"/>
        </w:rPr>
        <w:t>Choose Next&gt;.</w:t>
      </w:r>
    </w:p>
    <w:p w14:paraId="344481A7" w14:textId="062B12D9" w:rsidR="00834531" w:rsidRDefault="0070318C" w:rsidP="00446653">
      <w:pPr>
        <w:rPr>
          <w:color w:val="000000" w:themeColor="text1"/>
        </w:rPr>
      </w:pPr>
      <w:r w:rsidRPr="003B4A1C">
        <w:rPr>
          <w:color w:val="000000" w:themeColor="text1"/>
        </w:rPr>
        <w:t xml:space="preserve">8. </w:t>
      </w:r>
      <w:r w:rsidR="00834531" w:rsidRPr="003B4A1C">
        <w:rPr>
          <w:color w:val="000000" w:themeColor="text1"/>
        </w:rPr>
        <w:t>In the Web Module screen, select “Generate web.xml deployment descriptor”.</w:t>
      </w:r>
    </w:p>
    <w:p w14:paraId="3D7EAFA7" w14:textId="75437120" w:rsidR="00793410" w:rsidRPr="003B4A1C" w:rsidRDefault="00793410" w:rsidP="00446653">
      <w:pPr>
        <w:rPr>
          <w:color w:val="000000" w:themeColor="text1"/>
        </w:rPr>
      </w:pPr>
      <w:r>
        <w:rPr>
          <w:noProof/>
          <w:color w:val="000000" w:themeColor="text1"/>
          <w:lang w:bidi="hi-IN"/>
        </w:rPr>
        <w:lastRenderedPageBreak/>
        <w:drawing>
          <wp:inline distT="0" distB="0" distL="0" distR="0" wp14:anchorId="3757BCA8" wp14:editId="4EB19976">
            <wp:extent cx="3168502" cy="3851695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webxml.png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192384" cy="38807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</w:p>
    <w:p w14:paraId="611F1E6B" w14:textId="4193439E" w:rsidR="009A593A" w:rsidRPr="003B4A1C" w:rsidRDefault="0070318C" w:rsidP="00446653">
      <w:pPr>
        <w:rPr>
          <w:color w:val="000000" w:themeColor="text1"/>
        </w:rPr>
      </w:pPr>
      <w:r w:rsidRPr="003B4A1C">
        <w:rPr>
          <w:color w:val="000000" w:themeColor="text1"/>
        </w:rPr>
        <w:t>9</w:t>
      </w:r>
      <w:r w:rsidR="009A593A" w:rsidRPr="003B4A1C">
        <w:rPr>
          <w:color w:val="000000" w:themeColor="text1"/>
        </w:rPr>
        <w:t>. Click on “Finish” button to close the wizard. This creates the project “</w:t>
      </w:r>
      <w:proofErr w:type="spellStart"/>
      <w:r w:rsidR="009A593A" w:rsidRPr="003B4A1C">
        <w:rPr>
          <w:color w:val="000000" w:themeColor="text1"/>
        </w:rPr>
        <w:t>personslist-jpa</w:t>
      </w:r>
      <w:proofErr w:type="spellEnd"/>
      <w:r w:rsidR="009A593A" w:rsidRPr="003B4A1C">
        <w:rPr>
          <w:color w:val="000000" w:themeColor="text1"/>
        </w:rPr>
        <w:t>” as seen in the project explorer.</w:t>
      </w:r>
    </w:p>
    <w:p w14:paraId="01DEE87C" w14:textId="77777777" w:rsidR="009A593A" w:rsidRDefault="00A20E65" w:rsidP="00446653">
      <w:r>
        <w:rPr>
          <w:noProof/>
          <w:lang w:bidi="hi-IN"/>
        </w:rPr>
        <w:drawing>
          <wp:inline distT="0" distB="0" distL="0" distR="0" wp14:anchorId="0172873B" wp14:editId="21BA8534">
            <wp:extent cx="4062063" cy="1435100"/>
            <wp:effectExtent l="0" t="0" r="0" b="0"/>
            <wp:docPr id="42" name="Picture 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4069745" cy="143781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F8988F4" w14:textId="77777777" w:rsidR="00BD3CE0" w:rsidRDefault="00BD3CE0" w:rsidP="00BD3CE0">
      <w:pPr>
        <w:rPr>
          <w:b/>
        </w:rPr>
      </w:pPr>
      <w:r>
        <w:rPr>
          <w:b/>
        </w:rPr>
        <w:t>b</w:t>
      </w:r>
      <w:r w:rsidRPr="00AA3139">
        <w:rPr>
          <w:b/>
        </w:rPr>
        <w:t xml:space="preserve">. </w:t>
      </w:r>
      <w:r w:rsidR="00D639CA">
        <w:rPr>
          <w:b/>
        </w:rPr>
        <w:t>S</w:t>
      </w:r>
      <w:r>
        <w:rPr>
          <w:b/>
        </w:rPr>
        <w:t>et the Java package for the JPA Entity</w:t>
      </w:r>
    </w:p>
    <w:p w14:paraId="3A57E36B" w14:textId="77777777" w:rsidR="00BD3CE0" w:rsidRDefault="00BD3CE0" w:rsidP="00BD3CE0">
      <w:r>
        <w:t>1. Select Window -&gt; Preferences from the Eclipse Menu</w:t>
      </w:r>
    </w:p>
    <w:p w14:paraId="58BC4421" w14:textId="77777777" w:rsidR="00BD3CE0" w:rsidRDefault="00BD3CE0" w:rsidP="00BD3CE0">
      <w:r>
        <w:t xml:space="preserve">2. Select General -&gt; Editors -&gt; JPA Diagram Editor in the left pane. In the right pane, </w:t>
      </w:r>
      <w:r w:rsidR="00B251B2">
        <w:t>set the value for “Default Java package for new persistent types</w:t>
      </w:r>
      <w:r w:rsidR="00EA4C62">
        <w:t xml:space="preserve">” </w:t>
      </w:r>
      <w:proofErr w:type="gramStart"/>
      <w:r w:rsidR="00EA4C62">
        <w:t xml:space="preserve">=  </w:t>
      </w:r>
      <w:proofErr w:type="spellStart"/>
      <w:r w:rsidR="00EA4C62" w:rsidRPr="00EA4C62">
        <w:t>com.sap</w:t>
      </w:r>
      <w:proofErr w:type="gramEnd"/>
      <w:r w:rsidR="00EA4C62" w:rsidRPr="00EA4C62">
        <w:t>.codejam</w:t>
      </w:r>
      <w:proofErr w:type="spellEnd"/>
    </w:p>
    <w:p w14:paraId="498E9209" w14:textId="77777777" w:rsidR="00EA4C62" w:rsidRDefault="00EA4C62" w:rsidP="00BD3CE0">
      <w:pPr>
        <w:rPr>
          <w:b/>
        </w:rPr>
      </w:pPr>
      <w:r>
        <w:rPr>
          <w:noProof/>
          <w:lang w:bidi="hi-IN"/>
        </w:rPr>
        <w:lastRenderedPageBreak/>
        <w:drawing>
          <wp:inline distT="0" distB="0" distL="0" distR="0" wp14:anchorId="0B94DA29" wp14:editId="688213B2">
            <wp:extent cx="4933950" cy="5546662"/>
            <wp:effectExtent l="0" t="0" r="0" b="0"/>
            <wp:docPr id="9" name="Picture 9" descr="C:\Users\i056088\AppData\Local\Temp\SNAGHTML109057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i056088\AppData\Local\Temp\SNAGHTML1090571.PN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37400" cy="55505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D853A42" w14:textId="77777777" w:rsidR="00EA4C62" w:rsidRDefault="00EA4C62" w:rsidP="00BD3CE0">
      <w:r>
        <w:t>3. Click on the “OK” button.</w:t>
      </w:r>
    </w:p>
    <w:p w14:paraId="7B18F1C1" w14:textId="77777777" w:rsidR="00EA4C62" w:rsidRDefault="00EA4C62" w:rsidP="00BD3CE0">
      <w:pPr>
        <w:rPr>
          <w:b/>
        </w:rPr>
      </w:pPr>
      <w:r>
        <w:rPr>
          <w:b/>
        </w:rPr>
        <w:t>c. Creating the Person JPA Entity</w:t>
      </w:r>
    </w:p>
    <w:p w14:paraId="06FF7C04" w14:textId="77777777" w:rsidR="00EA4C62" w:rsidRDefault="00EA4C62" w:rsidP="00BD3CE0">
      <w:r>
        <w:t>1. In the Project Explorer, expand the “</w:t>
      </w:r>
      <w:proofErr w:type="spellStart"/>
      <w:r>
        <w:t>personslist-jpa</w:t>
      </w:r>
      <w:proofErr w:type="spellEnd"/>
      <w:r>
        <w:t>” project. Right Click “JPA Content” and Select “Open Diagram”</w:t>
      </w:r>
    </w:p>
    <w:p w14:paraId="12456585" w14:textId="77777777" w:rsidR="00EA4C62" w:rsidRDefault="00EA4C62" w:rsidP="00BD3CE0">
      <w:r>
        <w:rPr>
          <w:noProof/>
          <w:lang w:bidi="hi-IN"/>
        </w:rPr>
        <w:lastRenderedPageBreak/>
        <w:drawing>
          <wp:inline distT="0" distB="0" distL="0" distR="0" wp14:anchorId="613A9015" wp14:editId="1EB653E4">
            <wp:extent cx="3790476" cy="2371429"/>
            <wp:effectExtent l="0" t="0" r="635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790476" cy="23714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B3D3220" w14:textId="6F3DB004" w:rsidR="003B4A1C" w:rsidRDefault="00A96A10" w:rsidP="001E1086">
      <w:r w:rsidRPr="00A96A10">
        <w:rPr>
          <w:b/>
        </w:rPr>
        <w:t>Note:</w:t>
      </w:r>
      <w:r>
        <w:rPr>
          <w:b/>
        </w:rPr>
        <w:t xml:space="preserve"> if you get an error when opening the JPA Diagram </w:t>
      </w:r>
      <w:r w:rsidR="00D43940">
        <w:rPr>
          <w:b/>
        </w:rPr>
        <w:t xml:space="preserve">editor, please update your </w:t>
      </w:r>
      <w:r>
        <w:rPr>
          <w:b/>
        </w:rPr>
        <w:t xml:space="preserve">Eclipse version from the URL </w:t>
      </w:r>
      <w:hyperlink r:id="rId16" w:history="1">
        <w:r>
          <w:rPr>
            <w:rStyle w:val="Hyperlink"/>
            <w:rFonts w:ascii="Helvetica" w:hAnsi="Helvetica" w:cs="Helvetica"/>
            <w:b/>
            <w:bCs/>
            <w:color w:val="443685"/>
            <w:sz w:val="21"/>
            <w:szCs w:val="21"/>
            <w:shd w:val="clear" w:color="auto" w:fill="FFFFFF"/>
          </w:rPr>
          <w:t>http://archive.eclipse.org/graphiti/updates/0.11.4</w:t>
        </w:r>
      </w:hyperlink>
    </w:p>
    <w:p w14:paraId="24C14EA3" w14:textId="6E1809CF" w:rsidR="001E1086" w:rsidRDefault="001E1086" w:rsidP="001E1086">
      <w:r>
        <w:t>2. Extract the libraries from the “jar.zip” file attached here</w:t>
      </w:r>
    </w:p>
    <w:p w14:paraId="26F27E2F" w14:textId="77777777" w:rsidR="001E1086" w:rsidRDefault="001E1086" w:rsidP="001E1086">
      <w:r w:rsidRPr="00486807">
        <w:object w:dxaOrig="680" w:dyaOrig="831" w14:anchorId="78DBD683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34.05pt;height:41.3pt" o:ole="">
            <v:imagedata r:id="rId17" o:title=""/>
          </v:shape>
          <o:OLEObject Type="Embed" ProgID="Package" ShapeID="_x0000_i1025" DrawAspect="Content" ObjectID="_1564831803" r:id="rId18"/>
        </w:object>
      </w:r>
    </w:p>
    <w:p w14:paraId="3FDFA90A" w14:textId="77777777" w:rsidR="001E1086" w:rsidRDefault="001E1086" w:rsidP="001E1086">
      <w:r>
        <w:t>Copy and paste into the libs folder as shown in the below snapshot.</w:t>
      </w:r>
      <w:r w:rsidRPr="00486807">
        <w:t xml:space="preserve"> </w:t>
      </w:r>
    </w:p>
    <w:p w14:paraId="0264C7EB" w14:textId="77777777" w:rsidR="001E1086" w:rsidRDefault="001E1086" w:rsidP="001E1086"/>
    <w:p w14:paraId="6F562955" w14:textId="77777777" w:rsidR="001E1086" w:rsidRDefault="001E1086" w:rsidP="001E1086">
      <w:r>
        <w:rPr>
          <w:noProof/>
          <w:lang w:bidi="hi-IN"/>
        </w:rPr>
        <w:lastRenderedPageBreak/>
        <w:drawing>
          <wp:inline distT="0" distB="0" distL="0" distR="0" wp14:anchorId="603E0C83" wp14:editId="4772F746">
            <wp:extent cx="4485715" cy="5552381"/>
            <wp:effectExtent l="0" t="0" r="0" b="0"/>
            <wp:docPr id="45" name="Picture 4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485715" cy="555238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00700FF" w14:textId="42351AD1" w:rsidR="00EA4C62" w:rsidRDefault="00EE7B40" w:rsidP="00BD3CE0">
      <w:r>
        <w:t xml:space="preserve">3. </w:t>
      </w:r>
      <w:r w:rsidR="00EA4C62">
        <w:t xml:space="preserve"> From the opened window, </w:t>
      </w:r>
      <w:proofErr w:type="gramStart"/>
      <w:r w:rsidR="00EA4C62">
        <w:t>Selec</w:t>
      </w:r>
      <w:r w:rsidR="006805F6">
        <w:t>t</w:t>
      </w:r>
      <w:proofErr w:type="gramEnd"/>
      <w:r w:rsidR="006805F6">
        <w:t xml:space="preserve"> “Java Entity” from the </w:t>
      </w:r>
      <w:proofErr w:type="spellStart"/>
      <w:r w:rsidR="006805F6">
        <w:t>Pallete</w:t>
      </w:r>
      <w:proofErr w:type="spellEnd"/>
      <w:r w:rsidR="00EA4C62">
        <w:t xml:space="preserve">, and drag and drop the same on to the designer window. This creates the Entity “Entity1” on the designer. </w:t>
      </w:r>
    </w:p>
    <w:p w14:paraId="17BDF9B3" w14:textId="77777777" w:rsidR="00EA4C62" w:rsidRDefault="00EA4C62" w:rsidP="00BD3CE0">
      <w:r>
        <w:rPr>
          <w:noProof/>
          <w:lang w:bidi="hi-IN"/>
        </w:rPr>
        <w:lastRenderedPageBreak/>
        <w:drawing>
          <wp:inline distT="0" distB="0" distL="0" distR="0" wp14:anchorId="53BD18A2" wp14:editId="1866F1A5">
            <wp:extent cx="5181600" cy="3716286"/>
            <wp:effectExtent l="0" t="0" r="0" b="0"/>
            <wp:docPr id="12" name="Picture 12" descr="C:\Users\i056088\AppData\Local\Temp\SNAGHTML10ed7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i056088\AppData\Local\Temp\SNAGHTML10ed702.PN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1600" cy="37162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E21114E" w14:textId="77777777" w:rsidR="00EA4C62" w:rsidRDefault="00EA4C62" w:rsidP="00BD3CE0">
      <w:r>
        <w:t>3. Right Click on the Entity1 and select “Refractor Persistent Type Class” -&gt; “Rename…”</w:t>
      </w:r>
    </w:p>
    <w:p w14:paraId="05A1CFE8" w14:textId="77777777" w:rsidR="00EA4C62" w:rsidRDefault="00EA4C62" w:rsidP="00BD3CE0">
      <w:r>
        <w:rPr>
          <w:noProof/>
          <w:lang w:bidi="hi-IN"/>
        </w:rPr>
        <w:drawing>
          <wp:inline distT="0" distB="0" distL="0" distR="0" wp14:anchorId="405104E8" wp14:editId="7F361A6F">
            <wp:extent cx="3819525" cy="2725084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3821242" cy="272630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BB1A06B" w14:textId="77777777" w:rsidR="003C0B88" w:rsidRDefault="00EA4C62" w:rsidP="00BD3CE0">
      <w:r>
        <w:t xml:space="preserve">4. </w:t>
      </w:r>
      <w:r w:rsidR="003C0B88">
        <w:t xml:space="preserve">In the Opened Window, Enter the New name as “Person” and Click on Finish. </w:t>
      </w:r>
    </w:p>
    <w:p w14:paraId="5863F7FF" w14:textId="77777777" w:rsidR="003C0B88" w:rsidRDefault="003C0B88" w:rsidP="00BD3CE0">
      <w:r>
        <w:t xml:space="preserve">Press “Ctrl + SHIFT + S” to save the file. </w:t>
      </w:r>
    </w:p>
    <w:p w14:paraId="0E2DC449" w14:textId="77777777" w:rsidR="003C0B88" w:rsidRDefault="003C0B88" w:rsidP="00BD3CE0">
      <w:r>
        <w:t>This creates the Class “Person” as shown in the snapshot.</w:t>
      </w:r>
    </w:p>
    <w:p w14:paraId="0CCFE569" w14:textId="77777777" w:rsidR="003C0B88" w:rsidRDefault="003C0B88" w:rsidP="00BD3CE0">
      <w:r>
        <w:rPr>
          <w:noProof/>
          <w:lang w:bidi="hi-IN"/>
        </w:rPr>
        <w:lastRenderedPageBreak/>
        <w:drawing>
          <wp:inline distT="0" distB="0" distL="0" distR="0" wp14:anchorId="59A11294" wp14:editId="13529428">
            <wp:extent cx="5943600" cy="2846705"/>
            <wp:effectExtent l="0" t="0" r="0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8467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EA0AC29" w14:textId="77777777" w:rsidR="003C0B88" w:rsidRDefault="00193BCC" w:rsidP="00BD3CE0">
      <w:pPr>
        <w:rPr>
          <w:b/>
        </w:rPr>
      </w:pPr>
      <w:r>
        <w:rPr>
          <w:b/>
        </w:rPr>
        <w:t>d. Set the details for Person Entity</w:t>
      </w:r>
    </w:p>
    <w:p w14:paraId="14F97185" w14:textId="77777777" w:rsidR="00193BCC" w:rsidRDefault="00193BCC" w:rsidP="00BD3CE0">
      <w:r>
        <w:t xml:space="preserve">1. In the Eclipse Menu, select Window -&gt; Show View -&gt; Other… </w:t>
      </w:r>
    </w:p>
    <w:p w14:paraId="4084BFE0" w14:textId="77777777" w:rsidR="00193BCC" w:rsidRDefault="00193BCC" w:rsidP="00BD3CE0">
      <w:r>
        <w:t>In the Opened window, search for “</w:t>
      </w:r>
      <w:proofErr w:type="spellStart"/>
      <w:r>
        <w:t>jpa</w:t>
      </w:r>
      <w:proofErr w:type="spellEnd"/>
      <w:r>
        <w:t>”</w:t>
      </w:r>
    </w:p>
    <w:p w14:paraId="3FC1D5EF" w14:textId="77777777" w:rsidR="00193BCC" w:rsidRDefault="00193BCC" w:rsidP="00BD3CE0">
      <w:r>
        <w:t>Select “JPA Details” from the Opened Window and Click on “OK” button</w:t>
      </w:r>
    </w:p>
    <w:p w14:paraId="0A38F856" w14:textId="77777777" w:rsidR="00193BCC" w:rsidRDefault="00193BCC" w:rsidP="00BD3CE0">
      <w:r>
        <w:rPr>
          <w:noProof/>
          <w:lang w:bidi="hi-IN"/>
        </w:rPr>
        <w:lastRenderedPageBreak/>
        <w:drawing>
          <wp:inline distT="0" distB="0" distL="0" distR="0" wp14:anchorId="620A7495" wp14:editId="46275EDB">
            <wp:extent cx="2962275" cy="4171950"/>
            <wp:effectExtent l="0" t="0" r="9525" b="0"/>
            <wp:docPr id="15" name="Picture 15" descr="C:\Users\i056088\AppData\Local\Temp\SNAGHTML11b892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i056088\AppData\Local\Temp\SNAGHTML11b8921.PNG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62275" cy="4171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69BABCC" w14:textId="77777777" w:rsidR="00647076" w:rsidRDefault="00193BCC" w:rsidP="00647076">
      <w:pPr>
        <w:pStyle w:val="Default"/>
      </w:pPr>
      <w:r>
        <w:t xml:space="preserve">2. </w:t>
      </w:r>
      <w:r w:rsidR="00647076">
        <w:t xml:space="preserve">Select the </w:t>
      </w:r>
      <w:r w:rsidR="00057D65">
        <w:t>“</w:t>
      </w:r>
      <w:r w:rsidR="00647076">
        <w:t>Person</w:t>
      </w:r>
      <w:r w:rsidR="00057D65">
        <w:t>”</w:t>
      </w:r>
      <w:r w:rsidR="00647076">
        <w:t xml:space="preserve"> Entity in the designer window.</w:t>
      </w:r>
    </w:p>
    <w:p w14:paraId="5D1A7F8F" w14:textId="77777777" w:rsidR="00647076" w:rsidRDefault="00647076" w:rsidP="00647076">
      <w:pPr>
        <w:pStyle w:val="Default"/>
      </w:pPr>
    </w:p>
    <w:p w14:paraId="5C9C719B" w14:textId="77777777" w:rsidR="00193BCC" w:rsidRDefault="00647076" w:rsidP="00BD3CE0">
      <w:pPr>
        <w:rPr>
          <w:rFonts w:ascii="Calibri" w:hAnsi="Calibri" w:cs="Calibri"/>
          <w:color w:val="000000"/>
          <w:sz w:val="24"/>
          <w:szCs w:val="24"/>
        </w:rPr>
      </w:pPr>
      <w:r w:rsidRPr="00647076">
        <w:rPr>
          <w:rFonts w:ascii="Calibri" w:hAnsi="Calibri" w:cs="Calibri"/>
          <w:color w:val="000000"/>
          <w:sz w:val="24"/>
          <w:szCs w:val="24"/>
        </w:rPr>
        <w:t xml:space="preserve">In the JPA Details view navigate to Queries section, choose </w:t>
      </w:r>
      <w:r w:rsidR="001E664B">
        <w:rPr>
          <w:rFonts w:ascii="Calibri" w:hAnsi="Calibri" w:cs="Calibri"/>
          <w:color w:val="000000"/>
          <w:sz w:val="24"/>
          <w:szCs w:val="24"/>
        </w:rPr>
        <w:t>“</w:t>
      </w:r>
      <w:r w:rsidRPr="00647076">
        <w:rPr>
          <w:rFonts w:ascii="Calibri" w:hAnsi="Calibri" w:cs="Calibri"/>
          <w:color w:val="000000"/>
          <w:sz w:val="24"/>
          <w:szCs w:val="24"/>
        </w:rPr>
        <w:t>Add</w:t>
      </w:r>
      <w:r w:rsidR="001E664B">
        <w:rPr>
          <w:rFonts w:ascii="Calibri" w:hAnsi="Calibri" w:cs="Calibri"/>
          <w:color w:val="000000"/>
          <w:sz w:val="24"/>
          <w:szCs w:val="24"/>
        </w:rPr>
        <w:t>”</w:t>
      </w:r>
      <w:r w:rsidRPr="00647076">
        <w:rPr>
          <w:rFonts w:ascii="Calibri" w:hAnsi="Calibri" w:cs="Calibri"/>
          <w:color w:val="000000"/>
          <w:sz w:val="24"/>
          <w:szCs w:val="24"/>
        </w:rPr>
        <w:t>. The Add Query dialog box opens.</w:t>
      </w:r>
    </w:p>
    <w:p w14:paraId="2D432684" w14:textId="41C2A7B3" w:rsidR="00822B80" w:rsidRPr="00E758C1" w:rsidRDefault="00647076" w:rsidP="00BD3CE0">
      <w:pPr>
        <w:rPr>
          <w:rFonts w:ascii="Calibri" w:hAnsi="Calibri" w:cs="Calibri"/>
          <w:color w:val="000000"/>
          <w:sz w:val="24"/>
          <w:szCs w:val="24"/>
        </w:rPr>
      </w:pPr>
      <w:r>
        <w:rPr>
          <w:rFonts w:ascii="Calibri" w:hAnsi="Calibri" w:cs="Calibri"/>
          <w:color w:val="000000"/>
          <w:sz w:val="24"/>
          <w:szCs w:val="24"/>
        </w:rPr>
        <w:t>Enter the Name as “</w:t>
      </w:r>
      <w:proofErr w:type="spellStart"/>
      <w:r>
        <w:rPr>
          <w:rFonts w:ascii="Calibri" w:hAnsi="Calibri" w:cs="Calibri"/>
          <w:color w:val="000000"/>
          <w:sz w:val="24"/>
          <w:szCs w:val="24"/>
        </w:rPr>
        <w:t>AllPersons</w:t>
      </w:r>
      <w:proofErr w:type="spellEnd"/>
      <w:r>
        <w:rPr>
          <w:rFonts w:ascii="Calibri" w:hAnsi="Calibri" w:cs="Calibri"/>
          <w:color w:val="000000"/>
          <w:sz w:val="24"/>
          <w:szCs w:val="24"/>
        </w:rPr>
        <w:t>”</w:t>
      </w:r>
      <w:r w:rsidR="00822B80">
        <w:rPr>
          <w:rFonts w:ascii="Calibri" w:hAnsi="Calibri" w:cs="Calibri"/>
          <w:color w:val="000000"/>
          <w:sz w:val="24"/>
          <w:szCs w:val="24"/>
        </w:rPr>
        <w:t>.</w:t>
      </w:r>
      <w:r w:rsidR="00E758C1">
        <w:rPr>
          <w:rFonts w:ascii="Calibri" w:hAnsi="Calibri" w:cs="Calibri"/>
          <w:color w:val="000000"/>
          <w:sz w:val="24"/>
          <w:szCs w:val="24"/>
        </w:rPr>
        <w:t xml:space="preserve"> </w:t>
      </w:r>
      <w:r w:rsidR="00822B80" w:rsidRPr="00E758C1">
        <w:rPr>
          <w:rFonts w:ascii="Calibri" w:hAnsi="Calibri" w:cs="Calibri"/>
          <w:color w:val="000000" w:themeColor="text1"/>
          <w:sz w:val="24"/>
          <w:szCs w:val="24"/>
        </w:rPr>
        <w:t>Choose type as “Named Query”.</w:t>
      </w:r>
    </w:p>
    <w:p w14:paraId="59392B86" w14:textId="77777777" w:rsidR="00647076" w:rsidRDefault="00647076" w:rsidP="00BD3CE0">
      <w:r>
        <w:rPr>
          <w:noProof/>
          <w:lang w:bidi="hi-IN"/>
        </w:rPr>
        <w:lastRenderedPageBreak/>
        <w:drawing>
          <wp:inline distT="0" distB="0" distL="0" distR="0" wp14:anchorId="6F6ED285" wp14:editId="098F25CA">
            <wp:extent cx="5943600" cy="3870960"/>
            <wp:effectExtent l="0" t="0" r="0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709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147A400" w14:textId="77777777" w:rsidR="00D2577A" w:rsidRDefault="00D2577A" w:rsidP="00BD3CE0">
      <w:r>
        <w:t>3. Click on the “OK” button. In the Query section, enter “</w:t>
      </w:r>
      <w:r w:rsidRPr="00D2577A">
        <w:t>select p from Person p</w:t>
      </w:r>
      <w:r>
        <w:t>”</w:t>
      </w:r>
    </w:p>
    <w:p w14:paraId="346B5231" w14:textId="77777777" w:rsidR="00D2577A" w:rsidRDefault="00D2577A" w:rsidP="00BD3CE0">
      <w:r>
        <w:rPr>
          <w:noProof/>
          <w:lang w:bidi="hi-IN"/>
        </w:rPr>
        <w:drawing>
          <wp:inline distT="0" distB="0" distL="0" distR="0" wp14:anchorId="53A97865" wp14:editId="277C9582">
            <wp:extent cx="5943600" cy="1534160"/>
            <wp:effectExtent l="0" t="0" r="0" b="889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5341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43CF281" w14:textId="77777777" w:rsidR="00D2577A" w:rsidRDefault="00D2577A" w:rsidP="00BD3CE0">
      <w:r>
        <w:t xml:space="preserve">4. Select the </w:t>
      </w:r>
      <w:r w:rsidR="008C543D">
        <w:t>“</w:t>
      </w:r>
      <w:r>
        <w:t>id</w:t>
      </w:r>
      <w:r w:rsidR="008C543D">
        <w:t>”</w:t>
      </w:r>
      <w:r>
        <w:t xml:space="preserve"> attribute for the </w:t>
      </w:r>
      <w:r w:rsidR="0037005C">
        <w:t>“</w:t>
      </w:r>
      <w:r>
        <w:t>Person</w:t>
      </w:r>
      <w:r w:rsidR="0037005C">
        <w:t>”</w:t>
      </w:r>
      <w:r>
        <w:t xml:space="preserve"> Entity in the designer window</w:t>
      </w:r>
    </w:p>
    <w:p w14:paraId="012FEF89" w14:textId="77777777" w:rsidR="00D2577A" w:rsidRDefault="00D2577A" w:rsidP="00BD3CE0">
      <w:r>
        <w:rPr>
          <w:noProof/>
          <w:lang w:bidi="hi-IN"/>
        </w:rPr>
        <w:lastRenderedPageBreak/>
        <w:drawing>
          <wp:inline distT="0" distB="0" distL="0" distR="0" wp14:anchorId="71805565" wp14:editId="6358F43B">
            <wp:extent cx="4343400" cy="2571701"/>
            <wp:effectExtent l="0" t="0" r="0" b="635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4348893" cy="257495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04FA21" w14:textId="77777777" w:rsidR="00D2577A" w:rsidRDefault="00D2577A" w:rsidP="00BD3CE0">
      <w:r>
        <w:t xml:space="preserve">5. </w:t>
      </w:r>
      <w:r w:rsidRPr="00D2577A">
        <w:t xml:space="preserve">In the </w:t>
      </w:r>
      <w:r w:rsidR="000C0D2A">
        <w:t>“</w:t>
      </w:r>
      <w:r w:rsidRPr="00D2577A">
        <w:t>Primary Key Generation</w:t>
      </w:r>
      <w:r w:rsidR="000C0D2A">
        <w:t>”</w:t>
      </w:r>
      <w:r w:rsidRPr="00D2577A">
        <w:t xml:space="preserve"> section in the JPA Details view, select the </w:t>
      </w:r>
      <w:r w:rsidR="000C0D2A">
        <w:t>“</w:t>
      </w:r>
      <w:r w:rsidRPr="00D2577A">
        <w:t>Primary key generation</w:t>
      </w:r>
      <w:r w:rsidR="000C0D2A">
        <w:t>”</w:t>
      </w:r>
      <w:r w:rsidRPr="00D2577A">
        <w:t xml:space="preserve"> checkbox and retain </w:t>
      </w:r>
      <w:r w:rsidR="000C0D2A">
        <w:t>“</w:t>
      </w:r>
      <w:r w:rsidRPr="00D2577A">
        <w:t>Default (Auto)</w:t>
      </w:r>
      <w:r w:rsidR="000C0D2A">
        <w:t>”</w:t>
      </w:r>
      <w:r w:rsidRPr="00D2577A">
        <w:t xml:space="preserve"> as the strategy.</w:t>
      </w:r>
    </w:p>
    <w:p w14:paraId="04FC8B4A" w14:textId="77777777" w:rsidR="00D2577A" w:rsidRDefault="00D2577A" w:rsidP="00BD3CE0">
      <w:r>
        <w:rPr>
          <w:noProof/>
          <w:lang w:bidi="hi-IN"/>
        </w:rPr>
        <w:drawing>
          <wp:inline distT="0" distB="0" distL="0" distR="0" wp14:anchorId="669E750A" wp14:editId="67FCF944">
            <wp:extent cx="5943600" cy="1534160"/>
            <wp:effectExtent l="0" t="0" r="0" b="889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5341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7783B32" w14:textId="0B55E914" w:rsidR="00D2577A" w:rsidRDefault="001154B8" w:rsidP="00BD3CE0">
      <w:r>
        <w:t xml:space="preserve">6. </w:t>
      </w:r>
      <w:r w:rsidRPr="001154B8">
        <w:t xml:space="preserve">Hover over the </w:t>
      </w:r>
      <w:r w:rsidR="0012322A">
        <w:t>“</w:t>
      </w:r>
      <w:r w:rsidRPr="001154B8">
        <w:t>Person</w:t>
      </w:r>
      <w:r w:rsidR="0012322A">
        <w:t>” entity</w:t>
      </w:r>
      <w:r w:rsidRPr="001154B8">
        <w:t xml:space="preserve"> graphical box to display the hover buttons.</w:t>
      </w:r>
      <w:r>
        <w:t xml:space="preserve"> Select the “Create Attribute” button</w:t>
      </w:r>
      <w:r w:rsidR="009627B4">
        <w:t>.</w:t>
      </w:r>
      <w:r>
        <w:t xml:space="preserve"> </w:t>
      </w:r>
      <w:r w:rsidR="009627B4">
        <w:t>The “attribute1” element is highlighted.</w:t>
      </w:r>
    </w:p>
    <w:p w14:paraId="0A83D88A" w14:textId="77777777" w:rsidR="001154B8" w:rsidRDefault="001154B8" w:rsidP="00BD3CE0">
      <w:r>
        <w:rPr>
          <w:noProof/>
          <w:lang w:bidi="hi-IN"/>
        </w:rPr>
        <w:drawing>
          <wp:inline distT="0" distB="0" distL="0" distR="0" wp14:anchorId="6EF39079" wp14:editId="10FA6BF2">
            <wp:extent cx="4895850" cy="2594905"/>
            <wp:effectExtent l="0" t="0" r="0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4895850" cy="25949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8673323" w14:textId="77777777" w:rsidR="009627B4" w:rsidRDefault="009627B4" w:rsidP="00BD3CE0">
      <w:pPr>
        <w:rPr>
          <w:highlight w:val="yellow"/>
        </w:rPr>
      </w:pPr>
    </w:p>
    <w:p w14:paraId="71B303CF" w14:textId="1B1708EE" w:rsidR="009627B4" w:rsidRDefault="001154B8" w:rsidP="00BD3CE0">
      <w:r w:rsidRPr="00194512">
        <w:t>7.</w:t>
      </w:r>
      <w:r w:rsidR="009627B4" w:rsidRPr="00194512">
        <w:t xml:space="preserve"> </w:t>
      </w:r>
      <w:r w:rsidR="009627B4" w:rsidRPr="005952E7">
        <w:rPr>
          <w:color w:val="000000" w:themeColor="text1"/>
        </w:rPr>
        <w:t xml:space="preserve">Enter the highlighted name attribute </w:t>
      </w:r>
      <w:r w:rsidR="009627B4" w:rsidRPr="00194512">
        <w:t>as “</w:t>
      </w:r>
      <w:proofErr w:type="spellStart"/>
      <w:r w:rsidR="009627B4" w:rsidRPr="00194512">
        <w:t>firstName</w:t>
      </w:r>
      <w:proofErr w:type="spellEnd"/>
      <w:r w:rsidR="009627B4" w:rsidRPr="00194512">
        <w:t>”.</w:t>
      </w:r>
      <w:r w:rsidRPr="00194512">
        <w:t xml:space="preserve"> </w:t>
      </w:r>
    </w:p>
    <w:p w14:paraId="5DBE56B8" w14:textId="43834423" w:rsidR="00C4731E" w:rsidRPr="00194512" w:rsidRDefault="00C4731E" w:rsidP="00BD3CE0">
      <w:r>
        <w:rPr>
          <w:noProof/>
          <w:lang w:bidi="hi-IN"/>
        </w:rPr>
        <w:drawing>
          <wp:inline distT="0" distB="0" distL="0" distR="0" wp14:anchorId="1522EB03" wp14:editId="74282794">
            <wp:extent cx="3092450" cy="1498600"/>
            <wp:effectExtent l="0" t="0" r="0" b="635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92450" cy="1498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C535413" w14:textId="77777777" w:rsidR="001154B8" w:rsidRDefault="001154B8" w:rsidP="00BD3CE0">
      <w:r w:rsidRPr="00194512">
        <w:t>Similarly create the attribute name “</w:t>
      </w:r>
      <w:proofErr w:type="spellStart"/>
      <w:r w:rsidRPr="00194512">
        <w:t>lastName</w:t>
      </w:r>
      <w:proofErr w:type="spellEnd"/>
      <w:r w:rsidRPr="00194512">
        <w:t>” as shown below.</w:t>
      </w:r>
    </w:p>
    <w:p w14:paraId="13CD3625" w14:textId="77777777" w:rsidR="001154B8" w:rsidRDefault="001154B8" w:rsidP="00BD3CE0">
      <w:r>
        <w:t>Press “Ctrl + SHIFT + S” to save it.</w:t>
      </w:r>
    </w:p>
    <w:p w14:paraId="42A2E9BB" w14:textId="77777777" w:rsidR="001154B8" w:rsidRDefault="001154B8" w:rsidP="00BD3CE0">
      <w:r>
        <w:rPr>
          <w:noProof/>
          <w:lang w:bidi="hi-IN"/>
        </w:rPr>
        <w:drawing>
          <wp:inline distT="0" distB="0" distL="0" distR="0" wp14:anchorId="720BCB4C" wp14:editId="49831F24">
            <wp:extent cx="4857750" cy="2574711"/>
            <wp:effectExtent l="0" t="0" r="0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4857750" cy="25747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EED7EED" w14:textId="77777777" w:rsidR="001154B8" w:rsidRDefault="0078408B" w:rsidP="00BD3CE0">
      <w:r>
        <w:t>8. From the Project Explorer, double click on the “persistence.xml” to open it in the editor.</w:t>
      </w:r>
    </w:p>
    <w:p w14:paraId="782B3BB0" w14:textId="77777777" w:rsidR="0078408B" w:rsidRDefault="0078408B" w:rsidP="00BD3CE0">
      <w:r>
        <w:rPr>
          <w:noProof/>
          <w:lang w:bidi="hi-IN"/>
        </w:rPr>
        <w:lastRenderedPageBreak/>
        <w:drawing>
          <wp:inline distT="0" distB="0" distL="0" distR="0" wp14:anchorId="464E7DB9" wp14:editId="4C39ED49">
            <wp:extent cx="3800000" cy="2923810"/>
            <wp:effectExtent l="0" t="0" r="0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3800000" cy="29238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9DB6DD" w14:textId="5FF686D6" w:rsidR="0078408B" w:rsidRDefault="0078408B" w:rsidP="00BD3CE0">
      <w:r>
        <w:t xml:space="preserve">9. </w:t>
      </w:r>
      <w:r w:rsidRPr="0078408B">
        <w:t xml:space="preserve">On </w:t>
      </w:r>
      <w:r w:rsidR="00760D7E">
        <w:t xml:space="preserve">the </w:t>
      </w:r>
      <w:r w:rsidRPr="0078408B">
        <w:t>General tab</w:t>
      </w:r>
      <w:r w:rsidR="00760D7E">
        <w:t xml:space="preserve">, </w:t>
      </w:r>
      <w:r w:rsidR="00760D7E" w:rsidRPr="00C4731E">
        <w:rPr>
          <w:color w:val="000000" w:themeColor="text1"/>
        </w:rPr>
        <w:t xml:space="preserve">in the </w:t>
      </w:r>
      <w:proofErr w:type="spellStart"/>
      <w:r w:rsidR="00760D7E" w:rsidRPr="00C4731E">
        <w:rPr>
          <w:color w:val="000000" w:themeColor="text1"/>
        </w:rPr>
        <w:t>Presistence</w:t>
      </w:r>
      <w:proofErr w:type="spellEnd"/>
      <w:r w:rsidR="00760D7E" w:rsidRPr="00C4731E">
        <w:rPr>
          <w:color w:val="000000" w:themeColor="text1"/>
        </w:rPr>
        <w:t xml:space="preserve"> provider field, the value</w:t>
      </w:r>
      <w:proofErr w:type="gramStart"/>
      <w:r w:rsidR="00760D7E" w:rsidRPr="00C4731E">
        <w:rPr>
          <w:color w:val="000000" w:themeColor="text1"/>
        </w:rPr>
        <w:t xml:space="preserve">  </w:t>
      </w:r>
      <w:r w:rsidRPr="00C4731E">
        <w:rPr>
          <w:color w:val="000000" w:themeColor="text1"/>
        </w:rPr>
        <w:t xml:space="preserve"> </w:t>
      </w:r>
      <w:r w:rsidR="001A7306" w:rsidRPr="00C4731E">
        <w:rPr>
          <w:color w:val="000000" w:themeColor="text1"/>
        </w:rPr>
        <w:t>“</w:t>
      </w:r>
      <w:proofErr w:type="spellStart"/>
      <w:proofErr w:type="gramEnd"/>
      <w:r w:rsidRPr="00C4731E">
        <w:rPr>
          <w:color w:val="000000" w:themeColor="text1"/>
        </w:rPr>
        <w:t>org.eclipse.persistence.jpa.PersistenceProvider</w:t>
      </w:r>
      <w:proofErr w:type="spellEnd"/>
      <w:r w:rsidR="001A7306" w:rsidRPr="00C4731E">
        <w:rPr>
          <w:color w:val="000000" w:themeColor="text1"/>
        </w:rPr>
        <w:t>”</w:t>
      </w:r>
      <w:r w:rsidRPr="00C4731E">
        <w:rPr>
          <w:color w:val="000000" w:themeColor="text1"/>
        </w:rPr>
        <w:t xml:space="preserve"> </w:t>
      </w:r>
      <w:r w:rsidR="00760D7E" w:rsidRPr="00C4731E">
        <w:rPr>
          <w:color w:val="000000" w:themeColor="text1"/>
        </w:rPr>
        <w:t>appears</w:t>
      </w:r>
      <w:r w:rsidRPr="00C4731E">
        <w:rPr>
          <w:color w:val="000000" w:themeColor="text1"/>
        </w:rPr>
        <w:t>.</w:t>
      </w:r>
      <w:r w:rsidR="0077777E" w:rsidRPr="00C4731E">
        <w:rPr>
          <w:color w:val="000000" w:themeColor="text1"/>
        </w:rPr>
        <w:t xml:space="preserve"> </w:t>
      </w:r>
      <w:r w:rsidR="0077777E">
        <w:t xml:space="preserve">In the managed Classes add the </w:t>
      </w:r>
      <w:r w:rsidR="00FE3758">
        <w:t>“</w:t>
      </w:r>
      <w:r w:rsidR="0077777E">
        <w:t>Person</w:t>
      </w:r>
      <w:r w:rsidR="00FE3758">
        <w:t>”</w:t>
      </w:r>
      <w:r w:rsidR="0077777E">
        <w:t xml:space="preserve"> class that we created.</w:t>
      </w:r>
    </w:p>
    <w:p w14:paraId="167D13BB" w14:textId="77777777" w:rsidR="0078408B" w:rsidRDefault="004E78D0" w:rsidP="00BD3CE0">
      <w:r>
        <w:rPr>
          <w:noProof/>
          <w:lang w:bidi="hi-IN"/>
        </w:rPr>
        <w:drawing>
          <wp:inline distT="0" distB="0" distL="0" distR="0" wp14:anchorId="6550E382" wp14:editId="6B34D1D5">
            <wp:extent cx="5943600" cy="3966210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662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76A9F6F" w14:textId="77777777" w:rsidR="0078408B" w:rsidRDefault="0078408B" w:rsidP="00BD3CE0">
      <w:r>
        <w:t xml:space="preserve">10. </w:t>
      </w:r>
      <w:r w:rsidRPr="0078408B">
        <w:t xml:space="preserve">On Connection tab select </w:t>
      </w:r>
      <w:r w:rsidR="0026733A">
        <w:t>“</w:t>
      </w:r>
      <w:r w:rsidRPr="0078408B">
        <w:t>Resource Local</w:t>
      </w:r>
      <w:r w:rsidR="0026733A">
        <w:t>”</w:t>
      </w:r>
      <w:r w:rsidRPr="0078408B">
        <w:t xml:space="preserve"> as the Transaction Type.</w:t>
      </w:r>
    </w:p>
    <w:p w14:paraId="30734F80" w14:textId="77777777" w:rsidR="0078408B" w:rsidRDefault="000C75B3" w:rsidP="00BD3CE0">
      <w:r>
        <w:rPr>
          <w:noProof/>
          <w:lang w:bidi="hi-IN"/>
        </w:rPr>
        <w:lastRenderedPageBreak/>
        <w:drawing>
          <wp:inline distT="0" distB="0" distL="0" distR="0" wp14:anchorId="6462CFE3" wp14:editId="3DCE2CE1">
            <wp:extent cx="5943600" cy="3440430"/>
            <wp:effectExtent l="0" t="0" r="0" b="7620"/>
            <wp:docPr id="47" name="Picture 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4404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2BDA3BC" w14:textId="77777777" w:rsidR="0078408B" w:rsidRDefault="0078408B" w:rsidP="00BD3CE0">
      <w:r>
        <w:t xml:space="preserve">11. </w:t>
      </w:r>
      <w:r w:rsidRPr="0078408B">
        <w:t xml:space="preserve">On </w:t>
      </w:r>
      <w:r w:rsidR="001D2DEB">
        <w:t>“</w:t>
      </w:r>
      <w:r w:rsidR="00241041">
        <w:t>Schema Generation</w:t>
      </w:r>
      <w:r w:rsidR="001D2DEB">
        <w:t>”</w:t>
      </w:r>
      <w:r w:rsidRPr="0078408B">
        <w:t xml:space="preserve"> tab, </w:t>
      </w:r>
      <w:r w:rsidR="003A3C63">
        <w:t>under “</w:t>
      </w:r>
      <w:proofErr w:type="spellStart"/>
      <w:r w:rsidRPr="0078408B">
        <w:t>EclipseLink</w:t>
      </w:r>
      <w:proofErr w:type="spellEnd"/>
      <w:r w:rsidRPr="0078408B">
        <w:t xml:space="preserve"> Schema Generation</w:t>
      </w:r>
      <w:r w:rsidR="003A3C63">
        <w:t>”</w:t>
      </w:r>
      <w:r w:rsidRPr="0078408B">
        <w:t xml:space="preserve"> section</w:t>
      </w:r>
      <w:r w:rsidR="003A3C63">
        <w:t>, select</w:t>
      </w:r>
      <w:r w:rsidRPr="0078408B">
        <w:t xml:space="preserve"> the value </w:t>
      </w:r>
      <w:r w:rsidR="003A3C63">
        <w:t>“</w:t>
      </w:r>
      <w:r w:rsidRPr="0078408B">
        <w:t>Drop and Create Tables</w:t>
      </w:r>
      <w:r w:rsidR="003A3C63">
        <w:t>”</w:t>
      </w:r>
      <w:r w:rsidRPr="0078408B">
        <w:t xml:space="preserve"> as the DDL generation type.</w:t>
      </w:r>
    </w:p>
    <w:p w14:paraId="503F5304" w14:textId="77777777" w:rsidR="0078408B" w:rsidRDefault="00BC1D3C" w:rsidP="00BD3CE0">
      <w:r>
        <w:rPr>
          <w:noProof/>
          <w:lang w:bidi="hi-IN"/>
        </w:rPr>
        <w:drawing>
          <wp:inline distT="0" distB="0" distL="0" distR="0" wp14:anchorId="299C7F6B" wp14:editId="73D0F0E1">
            <wp:extent cx="5943600" cy="3949700"/>
            <wp:effectExtent l="0" t="0" r="0" b="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3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949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86093A0" w14:textId="77777777" w:rsidR="00241041" w:rsidRDefault="00241041" w:rsidP="00BD3CE0"/>
    <w:p w14:paraId="1C0C2C6E" w14:textId="77777777" w:rsidR="0078408B" w:rsidRDefault="0078408B" w:rsidP="00BD3CE0">
      <w:r>
        <w:t xml:space="preserve">12. </w:t>
      </w:r>
      <w:r w:rsidR="006A43A2" w:rsidRPr="006A43A2">
        <w:t xml:space="preserve">Save the file. After this the </w:t>
      </w:r>
      <w:r w:rsidR="00AA5EFD">
        <w:t>“</w:t>
      </w:r>
      <w:r w:rsidR="006A43A2" w:rsidRPr="006A43A2">
        <w:t>Source</w:t>
      </w:r>
      <w:r w:rsidR="00AA5EFD">
        <w:t>”</w:t>
      </w:r>
      <w:r w:rsidR="006A43A2" w:rsidRPr="006A43A2">
        <w:t xml:space="preserve"> tab should look like the following screenshot.</w:t>
      </w:r>
    </w:p>
    <w:p w14:paraId="1A11407F" w14:textId="77777777" w:rsidR="006A43A2" w:rsidRDefault="000C75B3" w:rsidP="00BD3CE0">
      <w:r>
        <w:rPr>
          <w:noProof/>
          <w:lang w:bidi="hi-IN"/>
        </w:rPr>
        <w:drawing>
          <wp:inline distT="0" distB="0" distL="0" distR="0" wp14:anchorId="31B5CCBE" wp14:editId="267C692B">
            <wp:extent cx="5943600" cy="1581150"/>
            <wp:effectExtent l="0" t="0" r="0" b="0"/>
            <wp:docPr id="48" name="Picture 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3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5811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2E3F505" w14:textId="77777777" w:rsidR="006A43A2" w:rsidRDefault="006A43A2" w:rsidP="00BD3CE0">
      <w:r>
        <w:t>13. Add the following code in above file as shown in the snapshot and save it.</w:t>
      </w:r>
    </w:p>
    <w:p w14:paraId="1E3B9317" w14:textId="77777777" w:rsidR="006A43A2" w:rsidRDefault="006A43A2" w:rsidP="006A43A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  <w:shd w:val="clear" w:color="auto" w:fill="F2F4FF"/>
        </w:rPr>
      </w:pPr>
      <w:r w:rsidRPr="006A43A2">
        <w:rPr>
          <w:rFonts w:ascii="Courier New" w:eastAsia="Times New Roman" w:hAnsi="Courier New" w:cs="Courier New"/>
          <w:b/>
          <w:bCs/>
          <w:color w:val="000000"/>
          <w:sz w:val="20"/>
          <w:szCs w:val="20"/>
          <w:shd w:val="clear" w:color="auto" w:fill="F2F4FF"/>
        </w:rPr>
        <w:t>&lt;</w:t>
      </w:r>
      <w:r w:rsidRPr="006A43A2">
        <w:rPr>
          <w:rFonts w:ascii="Courier New" w:eastAsia="Times New Roman" w:hAnsi="Courier New" w:cs="Courier New"/>
          <w:color w:val="000000"/>
          <w:sz w:val="20"/>
          <w:szCs w:val="20"/>
          <w:shd w:val="clear" w:color="auto" w:fill="F2F4FF"/>
        </w:rPr>
        <w:t>property name</w:t>
      </w:r>
      <w:r w:rsidRPr="006A43A2">
        <w:rPr>
          <w:rFonts w:ascii="Courier New" w:eastAsia="Times New Roman" w:hAnsi="Courier New" w:cs="Courier New"/>
          <w:b/>
          <w:bCs/>
          <w:color w:val="000000"/>
          <w:sz w:val="20"/>
          <w:szCs w:val="20"/>
          <w:shd w:val="clear" w:color="auto" w:fill="F2F4FF"/>
        </w:rPr>
        <w:t>=</w:t>
      </w:r>
      <w:r w:rsidRPr="006A43A2">
        <w:rPr>
          <w:rFonts w:ascii="Courier New" w:eastAsia="Times New Roman" w:hAnsi="Courier New" w:cs="Courier New"/>
          <w:color w:val="808080"/>
          <w:sz w:val="20"/>
          <w:szCs w:val="20"/>
          <w:shd w:val="clear" w:color="auto" w:fill="F2F4FF"/>
        </w:rPr>
        <w:t>"</w:t>
      </w:r>
      <w:proofErr w:type="spellStart"/>
      <w:proofErr w:type="gramStart"/>
      <w:r w:rsidRPr="006A43A2">
        <w:rPr>
          <w:rFonts w:ascii="Courier New" w:eastAsia="Times New Roman" w:hAnsi="Courier New" w:cs="Courier New"/>
          <w:color w:val="808080"/>
          <w:sz w:val="20"/>
          <w:szCs w:val="20"/>
          <w:shd w:val="clear" w:color="auto" w:fill="F2F4FF"/>
        </w:rPr>
        <w:t>eclipselink.jpql</w:t>
      </w:r>
      <w:proofErr w:type="gramEnd"/>
      <w:r w:rsidRPr="006A43A2">
        <w:rPr>
          <w:rFonts w:ascii="Courier New" w:eastAsia="Times New Roman" w:hAnsi="Courier New" w:cs="Courier New"/>
          <w:color w:val="808080"/>
          <w:sz w:val="20"/>
          <w:szCs w:val="20"/>
          <w:shd w:val="clear" w:color="auto" w:fill="F2F4FF"/>
        </w:rPr>
        <w:t>.parser</w:t>
      </w:r>
      <w:proofErr w:type="spellEnd"/>
      <w:r w:rsidRPr="006A43A2">
        <w:rPr>
          <w:rFonts w:ascii="Courier New" w:eastAsia="Times New Roman" w:hAnsi="Courier New" w:cs="Courier New"/>
          <w:color w:val="808080"/>
          <w:sz w:val="20"/>
          <w:szCs w:val="20"/>
          <w:shd w:val="clear" w:color="auto" w:fill="F2F4FF"/>
        </w:rPr>
        <w:t>"</w:t>
      </w:r>
      <w:r w:rsidRPr="006A43A2">
        <w:rPr>
          <w:rFonts w:ascii="Courier New" w:eastAsia="Times New Roman" w:hAnsi="Courier New" w:cs="Courier New"/>
          <w:color w:val="000000"/>
          <w:sz w:val="20"/>
          <w:szCs w:val="20"/>
          <w:shd w:val="clear" w:color="auto" w:fill="F2F4FF"/>
        </w:rPr>
        <w:t xml:space="preserve"> value</w:t>
      </w:r>
      <w:r w:rsidRPr="006A43A2">
        <w:rPr>
          <w:rFonts w:ascii="Courier New" w:eastAsia="Times New Roman" w:hAnsi="Courier New" w:cs="Courier New"/>
          <w:b/>
          <w:bCs/>
          <w:color w:val="000000"/>
          <w:sz w:val="20"/>
          <w:szCs w:val="20"/>
          <w:shd w:val="clear" w:color="auto" w:fill="F2F4FF"/>
        </w:rPr>
        <w:t>=</w:t>
      </w:r>
      <w:r w:rsidRPr="006A43A2">
        <w:rPr>
          <w:rFonts w:ascii="Courier New" w:eastAsia="Times New Roman" w:hAnsi="Courier New" w:cs="Courier New"/>
          <w:color w:val="808080"/>
          <w:sz w:val="20"/>
          <w:szCs w:val="20"/>
          <w:shd w:val="clear" w:color="auto" w:fill="F2F4FF"/>
        </w:rPr>
        <w:t>"</w:t>
      </w:r>
      <w:proofErr w:type="spellStart"/>
      <w:r w:rsidRPr="006A43A2">
        <w:rPr>
          <w:rFonts w:ascii="Courier New" w:eastAsia="Times New Roman" w:hAnsi="Courier New" w:cs="Courier New"/>
          <w:color w:val="808080"/>
          <w:sz w:val="20"/>
          <w:szCs w:val="20"/>
          <w:shd w:val="clear" w:color="auto" w:fill="F2F4FF"/>
        </w:rPr>
        <w:t>org.eclipse.persistence.queries.ANTLRQueryBuilder</w:t>
      </w:r>
      <w:proofErr w:type="spellEnd"/>
      <w:r w:rsidRPr="006A43A2">
        <w:rPr>
          <w:rFonts w:ascii="Courier New" w:eastAsia="Times New Roman" w:hAnsi="Courier New" w:cs="Courier New"/>
          <w:color w:val="808080"/>
          <w:sz w:val="20"/>
          <w:szCs w:val="20"/>
          <w:shd w:val="clear" w:color="auto" w:fill="F2F4FF"/>
        </w:rPr>
        <w:t>"</w:t>
      </w:r>
      <w:r w:rsidRPr="006A43A2">
        <w:rPr>
          <w:rFonts w:ascii="Courier New" w:eastAsia="Times New Roman" w:hAnsi="Courier New" w:cs="Courier New"/>
          <w:b/>
          <w:bCs/>
          <w:color w:val="000000"/>
          <w:sz w:val="20"/>
          <w:szCs w:val="20"/>
          <w:shd w:val="clear" w:color="auto" w:fill="F2F4FF"/>
        </w:rPr>
        <w:t>/&gt;</w:t>
      </w:r>
    </w:p>
    <w:p w14:paraId="6E869DC3" w14:textId="77777777" w:rsidR="000C75B3" w:rsidRDefault="000C75B3" w:rsidP="006A43A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  <w:shd w:val="clear" w:color="auto" w:fill="F2F4FF"/>
        </w:rPr>
      </w:pPr>
      <w:r>
        <w:rPr>
          <w:rFonts w:ascii="Courier New" w:eastAsia="Times New Roman" w:hAnsi="Courier New" w:cs="Courier New"/>
          <w:b/>
          <w:bCs/>
          <w:noProof/>
          <w:color w:val="000000"/>
          <w:sz w:val="20"/>
          <w:szCs w:val="20"/>
          <w:shd w:val="clear" w:color="auto" w:fill="F2F4FF"/>
          <w:lang w:bidi="hi-IN"/>
        </w:rPr>
        <w:drawing>
          <wp:inline distT="0" distB="0" distL="0" distR="0" wp14:anchorId="0DDB6FCA" wp14:editId="365C51B4">
            <wp:extent cx="5943600" cy="1238250"/>
            <wp:effectExtent l="0" t="0" r="0" b="0"/>
            <wp:docPr id="50" name="Picture 5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3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238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D5F3BD3" w14:textId="77777777" w:rsidR="006A43A2" w:rsidRPr="006A43A2" w:rsidRDefault="006A43A2" w:rsidP="006A43A2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</w:p>
    <w:p w14:paraId="0986DC68" w14:textId="77777777" w:rsidR="006A43A2" w:rsidRDefault="006A43A2" w:rsidP="00BD3CE0"/>
    <w:p w14:paraId="15C23197" w14:textId="77777777" w:rsidR="00E84539" w:rsidRDefault="00E84539" w:rsidP="00BD3CE0">
      <w:r w:rsidRPr="00AB00EC">
        <w:t xml:space="preserve">14. </w:t>
      </w:r>
      <w:r w:rsidR="00984862" w:rsidRPr="00AB00EC">
        <w:t xml:space="preserve">Open the </w:t>
      </w:r>
      <w:r w:rsidR="001A2DE1" w:rsidRPr="00AB00EC">
        <w:t>“</w:t>
      </w:r>
      <w:r w:rsidR="00984862" w:rsidRPr="00AB00EC">
        <w:t>web.xml</w:t>
      </w:r>
      <w:r w:rsidR="001A2DE1" w:rsidRPr="00AB00EC">
        <w:t>”</w:t>
      </w:r>
      <w:r w:rsidR="00984862" w:rsidRPr="00AB00EC">
        <w:t xml:space="preserve"> file located in the project explorer.</w:t>
      </w:r>
      <w:r w:rsidR="00984862">
        <w:t xml:space="preserve"> </w:t>
      </w:r>
    </w:p>
    <w:p w14:paraId="55F51CFC" w14:textId="77777777" w:rsidR="00984862" w:rsidRDefault="00984862" w:rsidP="00BD3CE0">
      <w:r>
        <w:rPr>
          <w:noProof/>
          <w:lang w:bidi="hi-IN"/>
        </w:rPr>
        <w:lastRenderedPageBreak/>
        <w:drawing>
          <wp:inline distT="0" distB="0" distL="0" distR="0" wp14:anchorId="0EB73E82" wp14:editId="26E5CC15">
            <wp:extent cx="3800000" cy="3504762"/>
            <wp:effectExtent l="0" t="0" r="0" b="635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7"/>
                    <a:stretch>
                      <a:fillRect/>
                    </a:stretch>
                  </pic:blipFill>
                  <pic:spPr>
                    <a:xfrm>
                      <a:off x="0" y="0"/>
                      <a:ext cx="3800000" cy="35047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765D30D" w14:textId="77777777" w:rsidR="00984862" w:rsidRDefault="00984862" w:rsidP="00BD3CE0">
      <w:r>
        <w:t xml:space="preserve">15. </w:t>
      </w:r>
      <w:r w:rsidR="000B66D8">
        <w:t>Add the following xml content in the editor just before the last line as shown in the snapshot. Save the file.</w:t>
      </w:r>
    </w:p>
    <w:p w14:paraId="585E7BF4" w14:textId="77777777" w:rsidR="00984862" w:rsidRPr="00984862" w:rsidRDefault="00984862" w:rsidP="0098486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98486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</w:t>
      </w:r>
      <w:r w:rsidRPr="00984862">
        <w:rPr>
          <w:rFonts w:ascii="Courier New" w:eastAsia="Times New Roman" w:hAnsi="Courier New" w:cs="Courier New"/>
          <w:color w:val="0000FF"/>
          <w:sz w:val="20"/>
          <w:szCs w:val="20"/>
        </w:rPr>
        <w:t>&lt;resource-ref&gt;</w:t>
      </w:r>
    </w:p>
    <w:p w14:paraId="3BC61E80" w14:textId="77777777" w:rsidR="00984862" w:rsidRPr="00984862" w:rsidRDefault="00984862" w:rsidP="0098486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98486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984862">
        <w:rPr>
          <w:rFonts w:ascii="Courier New" w:eastAsia="Times New Roman" w:hAnsi="Courier New" w:cs="Courier New"/>
          <w:color w:val="0000FF"/>
          <w:sz w:val="20"/>
          <w:szCs w:val="20"/>
        </w:rPr>
        <w:t>&lt;res-ref-name&gt;</w:t>
      </w:r>
      <w:proofErr w:type="spellStart"/>
      <w:r w:rsidRPr="0098486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jdbc</w:t>
      </w:r>
      <w:proofErr w:type="spellEnd"/>
      <w:r w:rsidRPr="0098486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/</w:t>
      </w:r>
      <w:proofErr w:type="spellStart"/>
      <w:r w:rsidRPr="0098486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DefaultDB</w:t>
      </w:r>
      <w:proofErr w:type="spellEnd"/>
      <w:r w:rsidRPr="00984862">
        <w:rPr>
          <w:rFonts w:ascii="Courier New" w:eastAsia="Times New Roman" w:hAnsi="Courier New" w:cs="Courier New"/>
          <w:color w:val="0000FF"/>
          <w:sz w:val="20"/>
          <w:szCs w:val="20"/>
        </w:rPr>
        <w:t>&lt;/res-ref-name&gt;</w:t>
      </w:r>
    </w:p>
    <w:p w14:paraId="3A8CECB1" w14:textId="77777777" w:rsidR="00984862" w:rsidRPr="00984862" w:rsidRDefault="00984862" w:rsidP="0098486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98486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984862">
        <w:rPr>
          <w:rFonts w:ascii="Courier New" w:eastAsia="Times New Roman" w:hAnsi="Courier New" w:cs="Courier New"/>
          <w:color w:val="0000FF"/>
          <w:sz w:val="20"/>
          <w:szCs w:val="20"/>
        </w:rPr>
        <w:t>&lt;res-type&gt;</w:t>
      </w:r>
      <w:proofErr w:type="spellStart"/>
      <w:proofErr w:type="gramStart"/>
      <w:r w:rsidRPr="0098486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javax.sql.DataSource</w:t>
      </w:r>
      <w:proofErr w:type="spellEnd"/>
      <w:proofErr w:type="gramEnd"/>
      <w:r w:rsidRPr="00984862">
        <w:rPr>
          <w:rFonts w:ascii="Courier New" w:eastAsia="Times New Roman" w:hAnsi="Courier New" w:cs="Courier New"/>
          <w:color w:val="0000FF"/>
          <w:sz w:val="20"/>
          <w:szCs w:val="20"/>
        </w:rPr>
        <w:t>&lt;/res-type&gt;</w:t>
      </w:r>
    </w:p>
    <w:p w14:paraId="4B61141F" w14:textId="77777777" w:rsidR="00984862" w:rsidRPr="00984862" w:rsidRDefault="00984862" w:rsidP="00984862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98486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</w:t>
      </w:r>
      <w:r w:rsidRPr="00984862">
        <w:rPr>
          <w:rFonts w:ascii="Courier New" w:eastAsia="Times New Roman" w:hAnsi="Courier New" w:cs="Courier New"/>
          <w:color w:val="0000FF"/>
          <w:sz w:val="20"/>
          <w:szCs w:val="20"/>
        </w:rPr>
        <w:t>&lt;/resource-ref&gt;</w:t>
      </w:r>
    </w:p>
    <w:p w14:paraId="664DD096" w14:textId="77777777" w:rsidR="00984862" w:rsidRDefault="00984862" w:rsidP="00BD3CE0"/>
    <w:p w14:paraId="5247F6D6" w14:textId="77777777" w:rsidR="000B66D8" w:rsidRDefault="00F26FB1" w:rsidP="00BD3CE0">
      <w:r>
        <w:rPr>
          <w:noProof/>
          <w:lang w:bidi="hi-IN"/>
        </w:rPr>
        <w:lastRenderedPageBreak/>
        <w:drawing>
          <wp:inline distT="0" distB="0" distL="0" distR="0" wp14:anchorId="58D306B6" wp14:editId="32B56017">
            <wp:extent cx="5943600" cy="3721735"/>
            <wp:effectExtent l="0" t="0" r="0" b="0"/>
            <wp:docPr id="31" name="Picture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7217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D5629C" w14:textId="77777777" w:rsidR="00B95A54" w:rsidRDefault="00B95A54" w:rsidP="00BD3CE0"/>
    <w:p w14:paraId="6E34BF9A" w14:textId="77777777" w:rsidR="00B95A54" w:rsidRPr="00E46141" w:rsidRDefault="00B95A54" w:rsidP="00B95A54">
      <w:pPr>
        <w:rPr>
          <w:b/>
          <w:sz w:val="32"/>
          <w:szCs w:val="32"/>
        </w:rPr>
      </w:pPr>
      <w:r w:rsidRPr="00E46141">
        <w:rPr>
          <w:b/>
          <w:sz w:val="32"/>
          <w:szCs w:val="32"/>
        </w:rPr>
        <w:t>2. Expose the JPA as OData service</w:t>
      </w:r>
    </w:p>
    <w:p w14:paraId="78A77B57" w14:textId="77777777" w:rsidR="00B95A54" w:rsidRDefault="00B95A54" w:rsidP="00B95A54">
      <w:r>
        <w:t xml:space="preserve">Follow the below steps to expose the JPA Entities as OData service. </w:t>
      </w:r>
    </w:p>
    <w:p w14:paraId="4C33B74F" w14:textId="77777777" w:rsidR="00B95A54" w:rsidRDefault="00B95A54" w:rsidP="00B95A54">
      <w:r>
        <w:t>1. Select the package “</w:t>
      </w:r>
      <w:proofErr w:type="spellStart"/>
      <w:proofErr w:type="gramStart"/>
      <w:r>
        <w:t>com.sap.codejam</w:t>
      </w:r>
      <w:proofErr w:type="spellEnd"/>
      <w:proofErr w:type="gramEnd"/>
      <w:r>
        <w:t>” from the Project Explorer. Right Click on the package and select “New”</w:t>
      </w:r>
      <w:r w:rsidR="00147938">
        <w:t xml:space="preserve"> -&gt; </w:t>
      </w:r>
      <w:r w:rsidR="00436CED">
        <w:t>“</w:t>
      </w:r>
      <w:r w:rsidR="00147938">
        <w:t>Servlet</w:t>
      </w:r>
      <w:r w:rsidR="00436CED">
        <w:t>”</w:t>
      </w:r>
      <w:r>
        <w:t xml:space="preserve"> from the context menu.</w:t>
      </w:r>
    </w:p>
    <w:p w14:paraId="770C3188" w14:textId="77777777" w:rsidR="00B95A54" w:rsidRDefault="00B95A54" w:rsidP="00B95A54">
      <w:r>
        <w:rPr>
          <w:noProof/>
          <w:lang w:bidi="hi-IN"/>
        </w:rPr>
        <w:lastRenderedPageBreak/>
        <w:drawing>
          <wp:inline distT="0" distB="0" distL="0" distR="0" wp14:anchorId="73342260" wp14:editId="3217BCC7">
            <wp:extent cx="5943600" cy="5644515"/>
            <wp:effectExtent l="0" t="0" r="0" b="0"/>
            <wp:docPr id="35" name="Picture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56445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E7EB5A0" w14:textId="77777777" w:rsidR="00AA5F5D" w:rsidRDefault="00AA5F5D" w:rsidP="00B95A54"/>
    <w:p w14:paraId="4BF079AD" w14:textId="77777777" w:rsidR="00B95A54" w:rsidRDefault="00B95A54" w:rsidP="00B95A54">
      <w:r>
        <w:t>2. Enter the name of the class as “</w:t>
      </w:r>
      <w:proofErr w:type="spellStart"/>
      <w:r w:rsidRPr="00B95A54">
        <w:t>JPAServlet</w:t>
      </w:r>
      <w:proofErr w:type="spellEnd"/>
      <w:r>
        <w:t>” and click on the “Finish” button.</w:t>
      </w:r>
    </w:p>
    <w:p w14:paraId="6378C786" w14:textId="77777777" w:rsidR="00B95A54" w:rsidRDefault="00147938" w:rsidP="00B95A54">
      <w:r>
        <w:rPr>
          <w:noProof/>
          <w:lang w:bidi="hi-IN"/>
        </w:rPr>
        <w:lastRenderedPageBreak/>
        <w:drawing>
          <wp:inline distT="0" distB="0" distL="0" distR="0" wp14:anchorId="53B1FA87" wp14:editId="6DE4FDE2">
            <wp:extent cx="5000625" cy="5019675"/>
            <wp:effectExtent l="0" t="0" r="9525" b="9525"/>
            <wp:docPr id="36" name="Picture 36" descr="C:\Users\i056088\AppData\Local\Temp\SNAGHTML16fcf4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i056088\AppData\Local\Temp\SNAGHTML16fcf47.PNG"/>
                    <pic:cNvPicPr>
                      <a:picLocks noChangeAspect="1" noChangeArrowheads="1"/>
                    </pic:cNvPicPr>
                  </pic:nvPicPr>
                  <pic:blipFill>
                    <a:blip r:embed="rId4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00625" cy="5019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7E998FE" w14:textId="12C7027D" w:rsidR="00FD5B9B" w:rsidRPr="00622884" w:rsidRDefault="007F5794" w:rsidP="00425BE4">
      <w:r w:rsidRPr="00C4731E">
        <w:rPr>
          <w:color w:val="000000" w:themeColor="text1"/>
        </w:rPr>
        <w:t>2</w:t>
      </w:r>
      <w:r w:rsidR="00B95A54" w:rsidRPr="00C4731E">
        <w:rPr>
          <w:color w:val="000000" w:themeColor="text1"/>
        </w:rPr>
        <w:t>.</w:t>
      </w:r>
      <w:r w:rsidR="00425BE4" w:rsidRPr="00C4731E">
        <w:rPr>
          <w:color w:val="000000" w:themeColor="text1"/>
        </w:rPr>
        <w:t xml:space="preserve"> In the Web.xml file, </w:t>
      </w:r>
      <w:r w:rsidR="0038064F" w:rsidRPr="00C4731E">
        <w:rPr>
          <w:color w:val="000000" w:themeColor="text1"/>
        </w:rPr>
        <w:t xml:space="preserve">copy and paste </w:t>
      </w:r>
      <w:r w:rsidR="00425BE4" w:rsidRPr="00C4731E">
        <w:rPr>
          <w:color w:val="000000" w:themeColor="text1"/>
        </w:rPr>
        <w:t>the following servlet information after the   &lt;resour</w:t>
      </w:r>
      <w:r w:rsidR="00622884">
        <w:rPr>
          <w:color w:val="000000" w:themeColor="text1"/>
        </w:rPr>
        <w:t xml:space="preserve">ce-ref&gt;…….  &lt;/resource-ref&gt; tag </w:t>
      </w:r>
      <w:r w:rsidR="00622884">
        <w:t xml:space="preserve">as shown in the below snapshot. </w:t>
      </w:r>
    </w:p>
    <w:p w14:paraId="37C8FEBB" w14:textId="1B9ED8A3" w:rsidR="00425BE4" w:rsidRPr="00C4731E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t>&lt;servlet&gt;</w:t>
      </w:r>
    </w:p>
    <w:p w14:paraId="34E1227A" w14:textId="77777777" w:rsidR="00425BE4" w:rsidRPr="00C4731E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t xml:space="preserve">    &lt;description&gt;&lt;/description&gt;</w:t>
      </w:r>
    </w:p>
    <w:p w14:paraId="3BF4744B" w14:textId="3EB7D14A" w:rsidR="00425BE4" w:rsidRPr="00C4731E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t xml:space="preserve">    &lt;display-name&gt;</w:t>
      </w:r>
      <w:proofErr w:type="spellStart"/>
      <w:r w:rsidR="00956E00" w:rsidRPr="00C4731E">
        <w:rPr>
          <w:color w:val="000000" w:themeColor="text1"/>
        </w:rPr>
        <w:t>JPAServlet</w:t>
      </w:r>
      <w:proofErr w:type="spellEnd"/>
      <w:r w:rsidRPr="00C4731E">
        <w:rPr>
          <w:color w:val="000000" w:themeColor="text1"/>
        </w:rPr>
        <w:t>&lt;/display-name&gt;</w:t>
      </w:r>
    </w:p>
    <w:p w14:paraId="2C1E3026" w14:textId="707336B9" w:rsidR="00425BE4" w:rsidRPr="00C4731E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t xml:space="preserve">    &lt;servlet-name&gt;</w:t>
      </w:r>
      <w:r w:rsidR="00956E00" w:rsidRPr="00C4731E">
        <w:rPr>
          <w:color w:val="000000" w:themeColor="text1"/>
        </w:rPr>
        <w:t xml:space="preserve"> </w:t>
      </w:r>
      <w:proofErr w:type="spellStart"/>
      <w:r w:rsidR="00956E00" w:rsidRPr="00C4731E">
        <w:rPr>
          <w:color w:val="000000" w:themeColor="text1"/>
        </w:rPr>
        <w:t>JPAServlet</w:t>
      </w:r>
      <w:proofErr w:type="spellEnd"/>
      <w:r w:rsidRPr="00C4731E">
        <w:rPr>
          <w:color w:val="000000" w:themeColor="text1"/>
        </w:rPr>
        <w:t>&lt;/servlet-name&gt;</w:t>
      </w:r>
    </w:p>
    <w:p w14:paraId="1D29DF8C" w14:textId="7E5726AA" w:rsidR="00425BE4" w:rsidRPr="00C4731E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t xml:space="preserve">    &lt;servlet-class&gt;</w:t>
      </w:r>
      <w:r w:rsidR="00956E00" w:rsidRPr="00C4731E">
        <w:rPr>
          <w:color w:val="000000" w:themeColor="text1"/>
        </w:rPr>
        <w:t xml:space="preserve"> </w:t>
      </w:r>
      <w:proofErr w:type="spellStart"/>
      <w:proofErr w:type="gramStart"/>
      <w:r w:rsidR="00956E00" w:rsidRPr="00C4731E">
        <w:rPr>
          <w:color w:val="000000" w:themeColor="text1"/>
        </w:rPr>
        <w:t>com.sap.codejam</w:t>
      </w:r>
      <w:proofErr w:type="gramEnd"/>
      <w:r w:rsidR="00956E00" w:rsidRPr="00C4731E">
        <w:rPr>
          <w:color w:val="000000" w:themeColor="text1"/>
        </w:rPr>
        <w:t>.JPAServlet</w:t>
      </w:r>
      <w:proofErr w:type="spellEnd"/>
      <w:r w:rsidR="00956E00" w:rsidRPr="00C4731E">
        <w:rPr>
          <w:color w:val="000000" w:themeColor="text1"/>
        </w:rPr>
        <w:t xml:space="preserve"> </w:t>
      </w:r>
      <w:r w:rsidRPr="00C4731E">
        <w:rPr>
          <w:color w:val="000000" w:themeColor="text1"/>
        </w:rPr>
        <w:t>&lt;/servlet-class&gt;</w:t>
      </w:r>
    </w:p>
    <w:p w14:paraId="6A71CB1C" w14:textId="77777777" w:rsidR="00425BE4" w:rsidRPr="00C4731E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t xml:space="preserve">  &lt;/servlet&gt;</w:t>
      </w:r>
    </w:p>
    <w:p w14:paraId="2A89D56D" w14:textId="77777777" w:rsidR="00425BE4" w:rsidRPr="00C4731E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t xml:space="preserve">  &lt;servlet-mapping&gt;</w:t>
      </w:r>
    </w:p>
    <w:p w14:paraId="04CD91CA" w14:textId="5AFFA568" w:rsidR="00425BE4" w:rsidRPr="00C4731E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t xml:space="preserve">    &lt;servlet-name&gt;</w:t>
      </w:r>
      <w:r w:rsidR="00956E00" w:rsidRPr="00C4731E">
        <w:rPr>
          <w:color w:val="000000" w:themeColor="text1"/>
        </w:rPr>
        <w:t xml:space="preserve"> </w:t>
      </w:r>
      <w:proofErr w:type="spellStart"/>
      <w:r w:rsidR="00956E00" w:rsidRPr="00C4731E">
        <w:rPr>
          <w:color w:val="000000" w:themeColor="text1"/>
        </w:rPr>
        <w:t>JPAServlet</w:t>
      </w:r>
      <w:proofErr w:type="spellEnd"/>
      <w:r w:rsidRPr="00C4731E">
        <w:rPr>
          <w:color w:val="000000" w:themeColor="text1"/>
        </w:rPr>
        <w:t>&lt;/servlet-name&gt;</w:t>
      </w:r>
    </w:p>
    <w:p w14:paraId="5D5EA808" w14:textId="57D7F841" w:rsidR="00425BE4" w:rsidRPr="00C4731E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lastRenderedPageBreak/>
        <w:t xml:space="preserve">    &lt;</w:t>
      </w:r>
      <w:proofErr w:type="spellStart"/>
      <w:r w:rsidRPr="00C4731E">
        <w:rPr>
          <w:color w:val="000000" w:themeColor="text1"/>
        </w:rPr>
        <w:t>url</w:t>
      </w:r>
      <w:proofErr w:type="spellEnd"/>
      <w:r w:rsidRPr="00C4731E">
        <w:rPr>
          <w:color w:val="000000" w:themeColor="text1"/>
        </w:rPr>
        <w:t>-pattern&gt;/</w:t>
      </w:r>
      <w:proofErr w:type="spellStart"/>
      <w:r w:rsidR="00F30201" w:rsidRPr="00C4731E">
        <w:rPr>
          <w:color w:val="000000" w:themeColor="text1"/>
        </w:rPr>
        <w:t>JPAServlet</w:t>
      </w:r>
      <w:proofErr w:type="spellEnd"/>
      <w:r w:rsidR="00F30201" w:rsidRPr="00C4731E">
        <w:rPr>
          <w:color w:val="000000" w:themeColor="text1"/>
        </w:rPr>
        <w:t>&lt;</w:t>
      </w:r>
      <w:r w:rsidRPr="00C4731E">
        <w:rPr>
          <w:color w:val="000000" w:themeColor="text1"/>
        </w:rPr>
        <w:t>/</w:t>
      </w:r>
      <w:proofErr w:type="spellStart"/>
      <w:r w:rsidRPr="00C4731E">
        <w:rPr>
          <w:color w:val="000000" w:themeColor="text1"/>
        </w:rPr>
        <w:t>url</w:t>
      </w:r>
      <w:proofErr w:type="spellEnd"/>
      <w:r w:rsidRPr="00C4731E">
        <w:rPr>
          <w:color w:val="000000" w:themeColor="text1"/>
        </w:rPr>
        <w:t>-pattern&gt;</w:t>
      </w:r>
    </w:p>
    <w:p w14:paraId="136116D9" w14:textId="179F0F75" w:rsidR="00425BE4" w:rsidRDefault="00425BE4" w:rsidP="00425BE4">
      <w:pPr>
        <w:rPr>
          <w:color w:val="000000" w:themeColor="text1"/>
        </w:rPr>
      </w:pPr>
      <w:r w:rsidRPr="00C4731E">
        <w:rPr>
          <w:color w:val="000000" w:themeColor="text1"/>
        </w:rPr>
        <w:t xml:space="preserve">  &lt;/servlet-mapping&gt;</w:t>
      </w:r>
    </w:p>
    <w:p w14:paraId="4C20C469" w14:textId="201BBFDF" w:rsidR="00FD5B9B" w:rsidRDefault="00FD5B9B" w:rsidP="00425BE4">
      <w:pPr>
        <w:rPr>
          <w:color w:val="000000" w:themeColor="text1"/>
        </w:rPr>
      </w:pPr>
    </w:p>
    <w:p w14:paraId="639C8BAD" w14:textId="01A0373C" w:rsidR="00FD5B9B" w:rsidRPr="00C4731E" w:rsidRDefault="00622884" w:rsidP="00425BE4">
      <w:pPr>
        <w:rPr>
          <w:color w:val="000000" w:themeColor="text1"/>
        </w:rPr>
      </w:pPr>
      <w:r>
        <w:rPr>
          <w:noProof/>
          <w:lang w:bidi="hi-IN"/>
        </w:rPr>
        <w:drawing>
          <wp:inline distT="0" distB="0" distL="0" distR="0" wp14:anchorId="7A73A06E" wp14:editId="1DEAE4B6">
            <wp:extent cx="5943600" cy="3790315"/>
            <wp:effectExtent l="0" t="0" r="0" b="63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7903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D5F5A4" w14:textId="05E80AC8" w:rsidR="00425BE4" w:rsidRDefault="00B95A54" w:rsidP="00B95A54">
      <w:r>
        <w:t xml:space="preserve"> </w:t>
      </w:r>
    </w:p>
    <w:p w14:paraId="2B8B4C2D" w14:textId="0EB4158C" w:rsidR="002869B4" w:rsidRDefault="007F5794" w:rsidP="00B95A54">
      <w:r>
        <w:t>3</w:t>
      </w:r>
      <w:r w:rsidR="00425BE4">
        <w:t xml:space="preserve">. </w:t>
      </w:r>
      <w:r w:rsidR="00B95A54">
        <w:t>Copy and paste the followin</w:t>
      </w:r>
      <w:r w:rsidR="002869B4">
        <w:t>g code in the JPAServlet</w:t>
      </w:r>
      <w:r w:rsidR="00961586">
        <w:t>.java file</w:t>
      </w:r>
      <w:r w:rsidR="002869B4">
        <w:t>.</w:t>
      </w:r>
      <w:r w:rsidR="003E0339">
        <w:t xml:space="preserve"> (</w:t>
      </w:r>
      <w:r w:rsidR="00104C71">
        <w:t>Delete</w:t>
      </w:r>
      <w:r w:rsidR="003E0339">
        <w:t xml:space="preserve"> the existing code in the editor) </w:t>
      </w:r>
    </w:p>
    <w:p w14:paraId="19F634CA" w14:textId="77777777" w:rsidR="00B95A54" w:rsidRDefault="003E0339" w:rsidP="00B95A54">
      <w:r>
        <w:t>Save the file.</w:t>
      </w:r>
    </w:p>
    <w:p w14:paraId="4EAE45B0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package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om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ap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odejam</w:t>
      </w:r>
      <w:proofErr w:type="spellEnd"/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0EB4422A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345AF4D7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ql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onnection</w:t>
      </w:r>
      <w:proofErr w:type="spellEnd"/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206F9CB2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ql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QLException</w:t>
      </w:r>
      <w:proofErr w:type="spellEnd"/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74DB222A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util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HashMap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15BAACB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util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Map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358144FF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3B40B3E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naming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InitialContext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3C430A93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naming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NamingException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72F978D3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persistence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EntityManagerFactory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679D252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persistence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Persistence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12A7DFD4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vlet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vletConfig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4D428F7F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vlet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vletException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0D87DFE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vlet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http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HttpServlet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30A5F99D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ql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DataSource</w:t>
      </w:r>
      <w:proofErr w:type="spellEnd"/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6A65BB33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5BCB7216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lastRenderedPageBreak/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org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lf4j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Logger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26E498AD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org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lf4j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LoggerFactory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2AC1E0C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org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eclipse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persistence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onfig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PersistenceUnitProperties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6AD98B35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36BE6AB0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808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/**</w:t>
      </w:r>
    </w:p>
    <w:p w14:paraId="420FB449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808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 xml:space="preserve"> * Servlet implementation class </w:t>
      </w:r>
      <w:proofErr w:type="spellStart"/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JPAServlet</w:t>
      </w:r>
      <w:proofErr w:type="spellEnd"/>
    </w:p>
    <w:p w14:paraId="6F841FE5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 xml:space="preserve"> */</w:t>
      </w:r>
    </w:p>
    <w:p w14:paraId="3AC88A0E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public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class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PAServlet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extends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HttpServlet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3A650A49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private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static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final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long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ialVersionUID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color w:val="FF8000"/>
          <w:sz w:val="20"/>
          <w:szCs w:val="20"/>
        </w:rPr>
        <w:t>1L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51486C22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private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DataSource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ds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6269377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EntityManagerFactory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</w:p>
    <w:p w14:paraId="79824F6F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private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static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final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Logger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LOGGER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LoggerFactory</w:t>
      </w:r>
      <w:proofErr w:type="spellEnd"/>
    </w:p>
    <w:p w14:paraId="172E48C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proofErr w:type="gramStart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getLogger</w:t>
      </w:r>
      <w:proofErr w:type="spellEnd"/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PAServlet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class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65AB43C6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</w:t>
      </w:r>
    </w:p>
    <w:p w14:paraId="7653ED53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808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/**</w:t>
      </w:r>
    </w:p>
    <w:p w14:paraId="0CC486A9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808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 xml:space="preserve">     * </w:t>
      </w:r>
      <w:r w:rsidRPr="003E0339">
        <w:rPr>
          <w:rFonts w:ascii="Courier New" w:eastAsia="Times New Roman" w:hAnsi="Courier New" w:cs="Courier New"/>
          <w:b/>
          <w:bCs/>
          <w:color w:val="008080"/>
          <w:sz w:val="20"/>
          <w:szCs w:val="20"/>
        </w:rPr>
        <w:t>@see</w:t>
      </w: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HttpServlet#</w:t>
      </w:r>
      <w:proofErr w:type="gramStart"/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HttpServlet</w:t>
      </w:r>
      <w:proofErr w:type="spellEnd"/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(</w:t>
      </w:r>
      <w:proofErr w:type="gramEnd"/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)</w:t>
      </w:r>
    </w:p>
    <w:p w14:paraId="6A6EBE75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 xml:space="preserve">     */</w:t>
      </w:r>
    </w:p>
    <w:p w14:paraId="358D9021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public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JPAServlet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12DF24F9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proofErr w:type="gramStart"/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super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159A15EA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8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3E0339">
        <w:rPr>
          <w:rFonts w:ascii="Courier New" w:eastAsia="Times New Roman" w:hAnsi="Courier New" w:cs="Courier New"/>
          <w:color w:val="008000"/>
          <w:sz w:val="20"/>
          <w:szCs w:val="20"/>
        </w:rPr>
        <w:t>// TODO Auto-generated constructor stub</w:t>
      </w:r>
    </w:p>
    <w:p w14:paraId="534760FD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74609F7A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39D2F5C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808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/**</w:t>
      </w:r>
    </w:p>
    <w:p w14:paraId="6D2C4AEE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808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 xml:space="preserve">     * </w:t>
      </w:r>
      <w:r w:rsidRPr="003E0339">
        <w:rPr>
          <w:rFonts w:ascii="Courier New" w:eastAsia="Times New Roman" w:hAnsi="Courier New" w:cs="Courier New"/>
          <w:b/>
          <w:bCs/>
          <w:color w:val="008080"/>
          <w:sz w:val="20"/>
          <w:szCs w:val="20"/>
        </w:rPr>
        <w:t>@see</w:t>
      </w: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Servlet#init</w:t>
      </w:r>
      <w:proofErr w:type="spellEnd"/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(</w:t>
      </w:r>
      <w:proofErr w:type="spellStart"/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ServletConfig</w:t>
      </w:r>
      <w:proofErr w:type="spellEnd"/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>)</w:t>
      </w:r>
    </w:p>
    <w:p w14:paraId="574372A9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8080"/>
          <w:sz w:val="20"/>
          <w:szCs w:val="20"/>
        </w:rPr>
        <w:t xml:space="preserve">     */</w:t>
      </w:r>
    </w:p>
    <w:p w14:paraId="5192B44E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public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color w:val="8000FF"/>
          <w:sz w:val="20"/>
          <w:szCs w:val="20"/>
        </w:rPr>
        <w:t>void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init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proofErr w:type="gram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vletConfig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config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hrows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vletException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041BF84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8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3E0339">
        <w:rPr>
          <w:rFonts w:ascii="Courier New" w:eastAsia="Times New Roman" w:hAnsi="Courier New" w:cs="Courier New"/>
          <w:color w:val="008000"/>
          <w:sz w:val="20"/>
          <w:szCs w:val="20"/>
        </w:rPr>
        <w:t>// TODO Auto-generated method stub</w:t>
      </w:r>
    </w:p>
    <w:p w14:paraId="40111490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Connection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onnection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null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6A4E9E71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ry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652155DA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InitialContext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tx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new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InitialContext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4AE76F40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ds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DataSource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t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lookup</w:t>
      </w:r>
      <w:proofErr w:type="spellEnd"/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"</w:t>
      </w:r>
      <w:proofErr w:type="spellStart"/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java:comp</w:t>
      </w:r>
      <w:proofErr w:type="spellEnd"/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/</w:t>
      </w:r>
      <w:proofErr w:type="spellStart"/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env</w:t>
      </w:r>
      <w:proofErr w:type="spellEnd"/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/</w:t>
      </w:r>
      <w:proofErr w:type="spellStart"/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jdbc</w:t>
      </w:r>
      <w:proofErr w:type="spellEnd"/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/</w:t>
      </w:r>
      <w:proofErr w:type="spellStart"/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DefaultDB</w:t>
      </w:r>
      <w:proofErr w:type="spellEnd"/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"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2BA3C909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connection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ds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getConnection</w:t>
      </w:r>
      <w:proofErr w:type="spellEnd"/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);</w:t>
      </w:r>
    </w:p>
    <w:p w14:paraId="45642F7E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Map properties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new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HashMap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2F7ECAB8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properties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put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proofErr w:type="gram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PersistenceUnitProperties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NON_JTA_DATASOURCE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,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ds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2E33B56F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10C42CD5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Persistence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reateEntityManagerFactory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"</w:t>
      </w:r>
      <w:proofErr w:type="spellStart"/>
      <w:r w:rsidR="00D85A87" w:rsidRPr="00D85A87">
        <w:rPr>
          <w:rFonts w:ascii="Courier New" w:eastAsia="Times New Roman" w:hAnsi="Courier New" w:cs="Courier New"/>
          <w:color w:val="808080"/>
          <w:sz w:val="20"/>
          <w:szCs w:val="20"/>
        </w:rPr>
        <w:t>personslist-jpa</w:t>
      </w:r>
      <w:proofErr w:type="spellEnd"/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"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,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properties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50F8A21F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6D7068AF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Utility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tEntityManagerFactory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0C6CF139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4A6EBDB2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15703307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catch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NamingException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e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0C625376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hrow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new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vletException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e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33288705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catch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QLException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e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34D0AAA7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LOGGER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error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"Could not determine database product."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442F885B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hrow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new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ervletException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e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6E8EF408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finally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7D34C319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f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connection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!</w:t>
      </w:r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null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6C2DA15F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   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ry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2D94AD21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        </w:t>
      </w:r>
      <w:proofErr w:type="spellStart"/>
      <w:proofErr w:type="gram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onnection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close</w:t>
      </w:r>
      <w:proofErr w:type="spellEnd"/>
      <w:proofErr w:type="gram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);</w:t>
      </w:r>
    </w:p>
    <w:p w14:paraId="3BC288F4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   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catch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SQLException</w:t>
      </w:r>
      <w:proofErr w:type="spellEnd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310CDACC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        </w:t>
      </w:r>
      <w:proofErr w:type="spellStart"/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LOGGER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>debug</w:t>
      </w:r>
      <w:proofErr w:type="spellEnd"/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r w:rsidRPr="003E0339">
        <w:rPr>
          <w:rFonts w:ascii="Courier New" w:eastAsia="Times New Roman" w:hAnsi="Courier New" w:cs="Courier New"/>
          <w:color w:val="808080"/>
          <w:sz w:val="20"/>
          <w:szCs w:val="20"/>
        </w:rPr>
        <w:t>"Unable to close connection."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,</w:t>
      </w: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x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55329C00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   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11978851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7D553682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49190413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</w:p>
    <w:p w14:paraId="5FBE27A4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1D039725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2DCA34BE" w14:textId="77777777" w:rsidR="003E0339" w:rsidRPr="003E0339" w:rsidRDefault="003E0339" w:rsidP="003E0339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3E0339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41562FBF" w14:textId="77777777" w:rsidR="003E0339" w:rsidRDefault="003E0339" w:rsidP="00B95A54"/>
    <w:p w14:paraId="22727A3F" w14:textId="77777777" w:rsidR="000D15CF" w:rsidRDefault="000D15CF" w:rsidP="00B95A54">
      <w:r>
        <w:t xml:space="preserve">4. </w:t>
      </w:r>
      <w:r w:rsidR="00290C03">
        <w:t>Select the package “</w:t>
      </w:r>
      <w:proofErr w:type="spellStart"/>
      <w:proofErr w:type="gramStart"/>
      <w:r w:rsidR="00290C03">
        <w:t>com.sap.codejam</w:t>
      </w:r>
      <w:proofErr w:type="spellEnd"/>
      <w:proofErr w:type="gramEnd"/>
      <w:r w:rsidR="00290C03">
        <w:t xml:space="preserve">” from the Project Explorer. Right Click on the package and select “New” -&gt; </w:t>
      </w:r>
      <w:r w:rsidR="00F44269">
        <w:t>“</w:t>
      </w:r>
      <w:r w:rsidR="00290C03">
        <w:t>Class</w:t>
      </w:r>
      <w:r w:rsidR="00F44269">
        <w:t>”</w:t>
      </w:r>
      <w:r w:rsidR="00290C03">
        <w:t xml:space="preserve"> from the context menu.</w:t>
      </w:r>
    </w:p>
    <w:p w14:paraId="1CC87DC8" w14:textId="77777777" w:rsidR="00290C03" w:rsidRDefault="00100209" w:rsidP="00B95A54">
      <w:r>
        <w:rPr>
          <w:noProof/>
          <w:lang w:bidi="hi-IN"/>
        </w:rPr>
        <w:drawing>
          <wp:inline distT="0" distB="0" distL="0" distR="0" wp14:anchorId="04ECB613" wp14:editId="0811AAD5">
            <wp:extent cx="4467225" cy="4228591"/>
            <wp:effectExtent l="0" t="0" r="0" b="635"/>
            <wp:docPr id="38" name="Picture 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2"/>
                    <a:stretch>
                      <a:fillRect/>
                    </a:stretch>
                  </pic:blipFill>
                  <pic:spPr>
                    <a:xfrm>
                      <a:off x="0" y="0"/>
                      <a:ext cx="4467225" cy="422859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28E32A7" w14:textId="77777777" w:rsidR="00100209" w:rsidRDefault="00100209" w:rsidP="00B95A54">
      <w:r>
        <w:t>5. Enter the name of the class as “Utility” and click on the “Finish” button.</w:t>
      </w:r>
    </w:p>
    <w:p w14:paraId="343A1812" w14:textId="77777777" w:rsidR="00100209" w:rsidRDefault="00100209" w:rsidP="00B95A54">
      <w:r>
        <w:rPr>
          <w:noProof/>
          <w:lang w:bidi="hi-IN"/>
        </w:rPr>
        <w:lastRenderedPageBreak/>
        <w:drawing>
          <wp:inline distT="0" distB="0" distL="0" distR="0" wp14:anchorId="28D35C23" wp14:editId="4F826B61">
            <wp:extent cx="4229100" cy="4970363"/>
            <wp:effectExtent l="0" t="0" r="0" b="1905"/>
            <wp:docPr id="40" name="Picture 40" descr="C:\Users\i056088\AppData\Local\Temp\SNAGHTML17741e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C:\Users\i056088\AppData\Local\Temp\SNAGHTML17741e7.PNG"/>
                    <pic:cNvPicPr>
                      <a:picLocks noChangeAspect="1" noChangeArrowheads="1"/>
                    </pic:cNvPicPr>
                  </pic:nvPicPr>
                  <pic:blipFill>
                    <a:blip r:embed="rId4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29100" cy="49703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3BA377E" w14:textId="77777777" w:rsidR="005345B8" w:rsidRDefault="00100209" w:rsidP="00D85A87">
      <w:r>
        <w:t xml:space="preserve">6. </w:t>
      </w:r>
      <w:r w:rsidR="00D85A87">
        <w:t xml:space="preserve">Copy and paste the following code in the </w:t>
      </w:r>
      <w:r w:rsidR="005345B8">
        <w:t>“</w:t>
      </w:r>
      <w:r w:rsidR="00D85A87">
        <w:t>Utility</w:t>
      </w:r>
      <w:r w:rsidR="005345B8">
        <w:t>”</w:t>
      </w:r>
      <w:r w:rsidR="00D85A87">
        <w:t xml:space="preserve">. (Delete the existing code in the editor) </w:t>
      </w:r>
    </w:p>
    <w:p w14:paraId="09EFA528" w14:textId="77777777" w:rsidR="00D85A87" w:rsidRDefault="00D85A87" w:rsidP="00D85A87">
      <w:r>
        <w:t>Save the file.</w:t>
      </w:r>
    </w:p>
    <w:p w14:paraId="499FB4D7" w14:textId="77777777" w:rsidR="009B22AF" w:rsidRDefault="009B22AF" w:rsidP="00D85A87"/>
    <w:p w14:paraId="0EE9769F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package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com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sap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codejam</w:t>
      </w:r>
      <w:proofErr w:type="spellEnd"/>
      <w:proofErr w:type="gram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2D78756C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013D8AE7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persistence</w:t>
      </w:r>
      <w:proofErr w:type="gram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ntityManagerFactory</w:t>
      </w:r>
      <w:proofErr w:type="spell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31066B27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5E498997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public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class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Utility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463043B4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44A22A74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private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static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ntityManagerFactory</w:t>
      </w:r>
      <w:proofErr w:type="spellEnd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1C438AB8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662D81DE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public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static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ntityManagerFactory</w:t>
      </w:r>
      <w:proofErr w:type="spellEnd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getEntityManagerFactory</w:t>
      </w:r>
      <w:proofErr w:type="spell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gram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7ADC175C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D85A87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f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=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null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68790BF8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r w:rsidRPr="00D85A87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hrow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new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IllegalArgumentException</w:t>
      </w:r>
      <w:proofErr w:type="spell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gramEnd"/>
    </w:p>
    <w:p w14:paraId="06CD2A80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        </w:t>
      </w:r>
      <w:r w:rsidRPr="00D85A87">
        <w:rPr>
          <w:rFonts w:ascii="Courier New" w:eastAsia="Times New Roman" w:hAnsi="Courier New" w:cs="Courier New"/>
          <w:color w:val="808080"/>
          <w:sz w:val="20"/>
          <w:szCs w:val="20"/>
        </w:rPr>
        <w:t>"</w:t>
      </w:r>
      <w:proofErr w:type="spellStart"/>
      <w:r w:rsidRPr="00D85A87">
        <w:rPr>
          <w:rFonts w:ascii="Courier New" w:eastAsia="Times New Roman" w:hAnsi="Courier New" w:cs="Courier New"/>
          <w:color w:val="808080"/>
          <w:sz w:val="20"/>
          <w:szCs w:val="20"/>
        </w:rPr>
        <w:t>EntityManagerfactory</w:t>
      </w:r>
      <w:proofErr w:type="spellEnd"/>
      <w:r w:rsidRPr="00D85A87">
        <w:rPr>
          <w:rFonts w:ascii="Courier New" w:eastAsia="Times New Roman" w:hAnsi="Courier New" w:cs="Courier New"/>
          <w:color w:val="808080"/>
          <w:sz w:val="20"/>
          <w:szCs w:val="20"/>
        </w:rPr>
        <w:t xml:space="preserve"> is not initialized!!!"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07E41837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5481B3CC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D85A87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return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0EDB6D55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lastRenderedPageBreak/>
        <w:t xml:space="preserve">   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12FE0FA7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37AB2EDE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public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static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color w:val="8000FF"/>
          <w:sz w:val="20"/>
          <w:szCs w:val="20"/>
        </w:rPr>
        <w:t>void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setEntityManagerFactory</w:t>
      </w:r>
      <w:proofErr w:type="spell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proofErr w:type="gramEnd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ntityManagerFactory</w:t>
      </w:r>
      <w:proofErr w:type="spellEnd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3D31D324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proofErr w:type="spell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Utility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3B7DD369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D85A87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652439FC" w14:textId="77777777" w:rsidR="00D85A87" w:rsidRPr="00D85A87" w:rsidRDefault="00D85A87" w:rsidP="00D85A87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D85A87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39D16664" w14:textId="77777777" w:rsidR="00100209" w:rsidRDefault="00100209" w:rsidP="00B95A54"/>
    <w:p w14:paraId="3151EF1C" w14:textId="77777777" w:rsidR="00D85A87" w:rsidRDefault="00AA1B2C" w:rsidP="00B95A54">
      <w:r>
        <w:t>7. Create a new class named “</w:t>
      </w:r>
      <w:proofErr w:type="spellStart"/>
      <w:r w:rsidRPr="00AA1B2C">
        <w:t>PersonsListServiceFactory</w:t>
      </w:r>
      <w:proofErr w:type="spellEnd"/>
      <w:r>
        <w:t>” under the package “</w:t>
      </w:r>
      <w:proofErr w:type="spellStart"/>
      <w:proofErr w:type="gramStart"/>
      <w:r>
        <w:t>com.sap.codejam</w:t>
      </w:r>
      <w:proofErr w:type="spellEnd"/>
      <w:proofErr w:type="gramEnd"/>
      <w:r>
        <w:t xml:space="preserve">”. </w:t>
      </w:r>
    </w:p>
    <w:p w14:paraId="2F4EC46A" w14:textId="77777777" w:rsidR="00AA1B2C" w:rsidRDefault="00AA1B2C" w:rsidP="00B95A54">
      <w:r>
        <w:t>Copy and Paste the following code in the class (Delete the existing content of the class)</w:t>
      </w:r>
    </w:p>
    <w:p w14:paraId="7BD1D5AB" w14:textId="77777777" w:rsidR="00CE03E5" w:rsidRDefault="00CE03E5" w:rsidP="00CE03E5">
      <w:r>
        <w:t>Save the file.</w:t>
      </w:r>
    </w:p>
    <w:p w14:paraId="3BFF060B" w14:textId="77777777" w:rsidR="00CE03E5" w:rsidRDefault="00CE03E5" w:rsidP="00B95A54"/>
    <w:p w14:paraId="4197B6D4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8000FF"/>
          <w:sz w:val="20"/>
          <w:szCs w:val="20"/>
        </w:rPr>
        <w:t>package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="00B722F4">
        <w:rPr>
          <w:rFonts w:ascii="Courier New" w:eastAsia="Times New Roman" w:hAnsi="Courier New" w:cs="Courier New"/>
          <w:color w:val="000000"/>
          <w:sz w:val="20"/>
          <w:szCs w:val="20"/>
        </w:rPr>
        <w:t>com.sap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="00B722F4">
        <w:rPr>
          <w:rFonts w:ascii="Courier New" w:eastAsia="Times New Roman" w:hAnsi="Courier New" w:cs="Courier New"/>
          <w:color w:val="000000"/>
          <w:sz w:val="20"/>
          <w:szCs w:val="20"/>
        </w:rPr>
        <w:t>codejam</w:t>
      </w:r>
      <w:proofErr w:type="spellEnd"/>
      <w:proofErr w:type="gram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744DACE4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62EEAAC6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javax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persistence</w:t>
      </w:r>
      <w:proofErr w:type="gram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EntityManagerFactory</w:t>
      </w:r>
      <w:proofErr w:type="spell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791A692F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05422890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org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apache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lingo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2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jpa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processor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api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Context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561AD2C9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org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apache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lingo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2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jpa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processor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api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ServiceFactory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5E1544E1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import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gram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rg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apache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lingo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2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jpa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processor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api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exception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RuntimeException</w:t>
      </w:r>
      <w:proofErr w:type="gram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71006019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3673A2A8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8000FF"/>
          <w:sz w:val="20"/>
          <w:szCs w:val="20"/>
        </w:rPr>
        <w:t>public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color w:val="8000FF"/>
          <w:sz w:val="20"/>
          <w:szCs w:val="20"/>
        </w:rPr>
        <w:t>class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PersonsListServiceFactory</w:t>
      </w:r>
      <w:proofErr w:type="spellEnd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extends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ServiceFactory</w:t>
      </w:r>
      <w:proofErr w:type="spellEnd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0D33DF60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AA1B2C">
        <w:rPr>
          <w:rFonts w:ascii="Courier New" w:eastAsia="Times New Roman" w:hAnsi="Courier New" w:cs="Courier New"/>
          <w:color w:val="8000FF"/>
          <w:sz w:val="20"/>
          <w:szCs w:val="20"/>
        </w:rPr>
        <w:t>private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color w:val="8000FF"/>
          <w:sz w:val="20"/>
          <w:szCs w:val="20"/>
        </w:rPr>
        <w:t>static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color w:val="8000FF"/>
          <w:sz w:val="20"/>
          <w:szCs w:val="20"/>
        </w:rPr>
        <w:t>final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String PERSISTENCE_UNIT_NAME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color w:val="808080"/>
          <w:sz w:val="20"/>
          <w:szCs w:val="20"/>
        </w:rPr>
        <w:t>"</w:t>
      </w:r>
      <w:proofErr w:type="spellStart"/>
      <w:r w:rsidRPr="00AA1B2C">
        <w:rPr>
          <w:rFonts w:ascii="Courier New" w:eastAsia="Times New Roman" w:hAnsi="Courier New" w:cs="Courier New"/>
          <w:color w:val="808080"/>
          <w:sz w:val="20"/>
          <w:szCs w:val="20"/>
        </w:rPr>
        <w:t>personslist-jpa</w:t>
      </w:r>
      <w:proofErr w:type="spellEnd"/>
      <w:r w:rsidRPr="00AA1B2C">
        <w:rPr>
          <w:rFonts w:ascii="Courier New" w:eastAsia="Times New Roman" w:hAnsi="Courier New" w:cs="Courier New"/>
          <w:color w:val="808080"/>
          <w:sz w:val="20"/>
          <w:szCs w:val="20"/>
        </w:rPr>
        <w:t>"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1A0D1F46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</w:p>
    <w:p w14:paraId="04757928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@Override</w:t>
      </w:r>
    </w:p>
    <w:p w14:paraId="29B593E7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AA1B2C">
        <w:rPr>
          <w:rFonts w:ascii="Courier New" w:eastAsia="Times New Roman" w:hAnsi="Courier New" w:cs="Courier New"/>
          <w:color w:val="8000FF"/>
          <w:sz w:val="20"/>
          <w:szCs w:val="20"/>
        </w:rPr>
        <w:t>public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Context</w:t>
      </w:r>
      <w:proofErr w:type="spellEnd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initializeODataJPAContext</w:t>
      </w:r>
      <w:proofErr w:type="spell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gram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</w:p>
    <w:p w14:paraId="35F7CA61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hrows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RuntimeException</w:t>
      </w:r>
      <w:proofErr w:type="spellEnd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7E1BAD52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Context</w:t>
      </w:r>
      <w:proofErr w:type="spellEnd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Context</w:t>
      </w:r>
      <w:proofErr w:type="spellEnd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proofErr w:type="gramStart"/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his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getODataJPAContext</w:t>
      </w:r>
      <w:proofErr w:type="spellEnd"/>
      <w:proofErr w:type="gram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);</w:t>
      </w:r>
    </w:p>
    <w:p w14:paraId="06D52AF0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ry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3ADCEE50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EntityManagerFactory</w:t>
      </w:r>
      <w:proofErr w:type="spellEnd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=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Utility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getEntityManagerFactory</w:t>
      </w:r>
      <w:proofErr w:type="spell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);</w:t>
      </w:r>
    </w:p>
    <w:p w14:paraId="48AF4496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Context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setEntityManagerFactory</w:t>
      </w:r>
      <w:proofErr w:type="spell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emf</w:t>
      </w:r>
      <w:proofErr w:type="spell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06E6F9F3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Context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.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setPersistenceUnitName</w:t>
      </w:r>
      <w:proofErr w:type="spell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PERSISTENCE_UNIT_NAME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660F8F61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return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oDataJPAContext</w:t>
      </w:r>
      <w:proofErr w:type="spell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;</w:t>
      </w:r>
    </w:p>
    <w:p w14:paraId="7DFC6D9A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catch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Exception e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{</w:t>
      </w:r>
    </w:p>
    <w:p w14:paraId="5805A654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    </w:t>
      </w: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throw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r w:rsidRPr="00AA1B2C">
        <w:rPr>
          <w:rFonts w:ascii="Courier New" w:eastAsia="Times New Roman" w:hAnsi="Courier New" w:cs="Courier New"/>
          <w:b/>
          <w:bCs/>
          <w:color w:val="0000FF"/>
          <w:sz w:val="20"/>
          <w:szCs w:val="20"/>
        </w:rPr>
        <w:t>new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</w:t>
      </w:r>
      <w:proofErr w:type="spellStart"/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RuntimeException</w:t>
      </w:r>
      <w:proofErr w:type="spellEnd"/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(</w:t>
      </w: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>e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);</w:t>
      </w:r>
    </w:p>
    <w:p w14:paraId="6BCAC83E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   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5D70E9A8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color w:val="000000"/>
          <w:sz w:val="20"/>
          <w:szCs w:val="20"/>
        </w:rPr>
        <w:t xml:space="preserve">    </w:t>
      </w: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4FC0CB0A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</w:p>
    <w:p w14:paraId="323A25E3" w14:textId="77777777" w:rsidR="00AA1B2C" w:rsidRPr="00AA1B2C" w:rsidRDefault="00AA1B2C" w:rsidP="00AA1B2C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color w:val="000000"/>
          <w:sz w:val="20"/>
          <w:szCs w:val="20"/>
        </w:rPr>
      </w:pPr>
      <w:r w:rsidRPr="00AA1B2C">
        <w:rPr>
          <w:rFonts w:ascii="Courier New" w:eastAsia="Times New Roman" w:hAnsi="Courier New" w:cs="Courier New"/>
          <w:b/>
          <w:bCs/>
          <w:color w:val="000080"/>
          <w:sz w:val="20"/>
          <w:szCs w:val="20"/>
        </w:rPr>
        <w:t>}</w:t>
      </w:r>
    </w:p>
    <w:p w14:paraId="7BCC347A" w14:textId="77777777" w:rsidR="00AA1B2C" w:rsidRDefault="00AA1B2C" w:rsidP="00B95A54"/>
    <w:p w14:paraId="6406234E" w14:textId="77777777" w:rsidR="00CE03E5" w:rsidRDefault="006F20C2" w:rsidP="00B95A54">
      <w:r>
        <w:t xml:space="preserve">8. Add the following xml code to the web.xml file just above the last line as shown in the below snapshot. </w:t>
      </w:r>
    </w:p>
    <w:p w14:paraId="5A855242" w14:textId="77777777" w:rsidR="006F20C2" w:rsidRDefault="006F20C2" w:rsidP="00B95A54">
      <w:r>
        <w:t>Save the file.</w:t>
      </w:r>
    </w:p>
    <w:p w14:paraId="47B18F88" w14:textId="77777777" w:rsidR="00BA6F3D" w:rsidRDefault="00BA6F3D" w:rsidP="00B95A54"/>
    <w:p w14:paraId="01DC4148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servlet&gt;</w:t>
      </w:r>
    </w:p>
    <w:p w14:paraId="79C117B5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lastRenderedPageBreak/>
        <w:t xml:space="preserve">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servlet-name&gt;</w:t>
      </w:r>
      <w:proofErr w:type="spellStart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ODataServlet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servlet-name&gt;</w:t>
      </w:r>
    </w:p>
    <w:p w14:paraId="7FB76F91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servlet-class&gt;</w:t>
      </w:r>
      <w:proofErr w:type="gramStart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org.apache.cxf.jaxrs</w:t>
      </w:r>
      <w:proofErr w:type="gramEnd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.servlet.CXFNonSpringJaxrsServlet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servlet-class&gt;</w:t>
      </w:r>
    </w:p>
    <w:p w14:paraId="3B400556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</w:t>
      </w:r>
      <w:proofErr w:type="spellStart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init-param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gt;</w:t>
      </w:r>
    </w:p>
    <w:p w14:paraId="2219913B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</w:t>
      </w:r>
      <w:proofErr w:type="spellStart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param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-name&gt;</w:t>
      </w:r>
      <w:proofErr w:type="spellStart"/>
      <w:proofErr w:type="gramStart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javax.ws.rs.Application</w:t>
      </w:r>
      <w:proofErr w:type="spellEnd"/>
      <w:proofErr w:type="gram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</w:t>
      </w:r>
      <w:proofErr w:type="spellStart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param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-name&gt;</w:t>
      </w:r>
    </w:p>
    <w:p w14:paraId="49E547DE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param-value&gt;</w:t>
      </w: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org.apache.olingo.odata2.core.rest.app.ODataApplication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param-value&gt;</w:t>
      </w:r>
    </w:p>
    <w:p w14:paraId="7C02FBC4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</w:t>
      </w:r>
      <w:proofErr w:type="spellStart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init-param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gt;</w:t>
      </w:r>
    </w:p>
    <w:p w14:paraId="19819287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</w:t>
      </w:r>
      <w:proofErr w:type="spellStart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init-param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gt;</w:t>
      </w:r>
    </w:p>
    <w:p w14:paraId="1ADF167E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param-name&gt;</w:t>
      </w:r>
      <w:proofErr w:type="gramStart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org.apache</w:t>
      </w:r>
      <w:proofErr w:type="gramEnd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.olingo.odata2.service.factory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param-name&gt;</w:t>
      </w:r>
    </w:p>
    <w:p w14:paraId="7B6EA441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param-value&gt;</w:t>
      </w:r>
      <w:proofErr w:type="gramStart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com.sap.codejam</w:t>
      </w:r>
      <w:proofErr w:type="gramEnd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.PersonsListServiceFactory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param-value&gt;</w:t>
      </w:r>
    </w:p>
    <w:p w14:paraId="5EA05290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</w:t>
      </w:r>
      <w:proofErr w:type="spellStart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init-param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gt;</w:t>
      </w:r>
    </w:p>
    <w:p w14:paraId="478C4F61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load-on-startup&gt;</w:t>
      </w: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2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load-on-startup&gt;</w:t>
      </w:r>
    </w:p>
    <w:p w14:paraId="6CCE19BF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servlet&gt;</w:t>
      </w:r>
    </w:p>
    <w:p w14:paraId="39BEA89A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servlet-mapping&gt;</w:t>
      </w:r>
    </w:p>
    <w:p w14:paraId="6256EB4B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servlet-name&gt;</w:t>
      </w:r>
      <w:proofErr w:type="spellStart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ODataServlet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servlet-name&gt;</w:t>
      </w:r>
    </w:p>
    <w:p w14:paraId="3B8D83CC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</w:t>
      </w:r>
      <w:proofErr w:type="spellStart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url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-pattern&gt;</w:t>
      </w: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/</w:t>
      </w:r>
      <w:proofErr w:type="spellStart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personslist.svc</w:t>
      </w:r>
      <w:proofErr w:type="spellEnd"/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/*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</w:t>
      </w:r>
      <w:proofErr w:type="spellStart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url</w:t>
      </w:r>
      <w:proofErr w:type="spellEnd"/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-pattern&gt;</w:t>
      </w:r>
    </w:p>
    <w:p w14:paraId="3F0603FF" w14:textId="77777777" w:rsidR="006F20C2" w:rsidRPr="006F20C2" w:rsidRDefault="006F20C2" w:rsidP="006F20C2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 xml:space="preserve">  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servlet-mapping&gt;</w:t>
      </w:r>
    </w:p>
    <w:p w14:paraId="64D43423" w14:textId="77777777" w:rsidR="006F20C2" w:rsidRDefault="006F20C2" w:rsidP="00B95A54"/>
    <w:p w14:paraId="3BE10F23" w14:textId="77777777" w:rsidR="006F20C2" w:rsidRDefault="006F20C2" w:rsidP="00B95A54">
      <w:r>
        <w:rPr>
          <w:noProof/>
          <w:lang w:bidi="hi-IN"/>
        </w:rPr>
        <w:drawing>
          <wp:inline distT="0" distB="0" distL="0" distR="0" wp14:anchorId="595E38B6" wp14:editId="0EB27B1B">
            <wp:extent cx="5943600" cy="3721735"/>
            <wp:effectExtent l="0" t="0" r="0" b="0"/>
            <wp:docPr id="43" name="Picture 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7217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40E852F" w14:textId="77777777" w:rsidR="00950E29" w:rsidRDefault="006F20C2" w:rsidP="00B95A54">
      <w:r>
        <w:t>9. Add</w:t>
      </w:r>
      <w:r w:rsidR="00E607AB">
        <w:t xml:space="preserve"> the below xml code for the “</w:t>
      </w:r>
      <w:proofErr w:type="spellStart"/>
      <w:r w:rsidR="00E607AB">
        <w:t>JPA</w:t>
      </w:r>
      <w:r>
        <w:t>Servlet</w:t>
      </w:r>
      <w:proofErr w:type="spellEnd"/>
      <w:r w:rsidR="00E607AB">
        <w:t>”</w:t>
      </w:r>
      <w:r>
        <w:t xml:space="preserve"> as underlined in red in the below snapshot. </w:t>
      </w:r>
    </w:p>
    <w:p w14:paraId="7C18433F" w14:textId="77777777" w:rsidR="006F20C2" w:rsidRDefault="006F20C2" w:rsidP="00B95A54">
      <w:r>
        <w:t>Save the file.</w:t>
      </w:r>
    </w:p>
    <w:p w14:paraId="49D8CCA9" w14:textId="77777777" w:rsidR="00486807" w:rsidRPr="006F20C2" w:rsidRDefault="00486807" w:rsidP="00486807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load-on-startup&gt;</w:t>
      </w:r>
      <w:r w:rsidRPr="006F20C2">
        <w:rPr>
          <w:rFonts w:ascii="Courier New" w:eastAsia="Times New Roman" w:hAnsi="Courier New" w:cs="Courier New"/>
          <w:b/>
          <w:bCs/>
          <w:color w:val="000000"/>
          <w:sz w:val="20"/>
          <w:szCs w:val="20"/>
        </w:rPr>
        <w:t>1</w:t>
      </w:r>
      <w:r w:rsidRPr="006F20C2">
        <w:rPr>
          <w:rFonts w:ascii="Courier New" w:eastAsia="Times New Roman" w:hAnsi="Courier New" w:cs="Courier New"/>
          <w:color w:val="0000FF"/>
          <w:sz w:val="20"/>
          <w:szCs w:val="20"/>
        </w:rPr>
        <w:t>&lt;/load-on-startup&gt;</w:t>
      </w:r>
    </w:p>
    <w:p w14:paraId="1D304424" w14:textId="77777777" w:rsidR="00950E29" w:rsidRDefault="00950E29" w:rsidP="00B95A54"/>
    <w:p w14:paraId="5FB2DD43" w14:textId="77777777" w:rsidR="006F20C2" w:rsidRDefault="006F20C2" w:rsidP="00B95A54">
      <w:r>
        <w:rPr>
          <w:noProof/>
          <w:lang w:bidi="hi-IN"/>
        </w:rPr>
        <w:lastRenderedPageBreak/>
        <w:drawing>
          <wp:inline distT="0" distB="0" distL="0" distR="0" wp14:anchorId="70297E3E" wp14:editId="02DCFCA6">
            <wp:extent cx="5943600" cy="3721735"/>
            <wp:effectExtent l="0" t="0" r="0" b="0"/>
            <wp:docPr id="44" name="Picture 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5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7217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BAEB92F" w14:textId="77777777" w:rsidR="00D838A0" w:rsidRPr="00E54011" w:rsidRDefault="00577C34" w:rsidP="00D838A0">
      <w:pPr>
        <w:rPr>
          <w:b/>
          <w:sz w:val="32"/>
          <w:szCs w:val="32"/>
        </w:rPr>
      </w:pPr>
      <w:r>
        <w:rPr>
          <w:b/>
          <w:sz w:val="32"/>
          <w:szCs w:val="32"/>
        </w:rPr>
        <w:t>3</w:t>
      </w:r>
      <w:r w:rsidR="00D838A0" w:rsidRPr="00E54011">
        <w:rPr>
          <w:b/>
          <w:sz w:val="32"/>
          <w:szCs w:val="32"/>
        </w:rPr>
        <w:t>. De</w:t>
      </w:r>
      <w:r w:rsidR="00E46141" w:rsidRPr="00E54011">
        <w:rPr>
          <w:b/>
          <w:sz w:val="32"/>
          <w:szCs w:val="32"/>
        </w:rPr>
        <w:t xml:space="preserve">ploy the application to SAP </w:t>
      </w:r>
      <w:r w:rsidR="00D838A0" w:rsidRPr="00E54011">
        <w:rPr>
          <w:b/>
          <w:sz w:val="32"/>
          <w:szCs w:val="32"/>
        </w:rPr>
        <w:t>Cloud platform trial account</w:t>
      </w:r>
    </w:p>
    <w:p w14:paraId="09031DE3" w14:textId="77777777" w:rsidR="00844DCC" w:rsidRDefault="00D838A0" w:rsidP="00D838A0">
      <w:r>
        <w:t>Now, we shall deploy the application to SAP HANA Cloud platform</w:t>
      </w:r>
      <w:r w:rsidR="00844DCC">
        <w:t xml:space="preserve"> trial account. </w:t>
      </w:r>
    </w:p>
    <w:p w14:paraId="579E50D3" w14:textId="77777777" w:rsidR="00D838A0" w:rsidRDefault="00122D12" w:rsidP="00D838A0">
      <w:r>
        <w:t xml:space="preserve">Note: </w:t>
      </w:r>
      <w:r w:rsidR="00844DCC">
        <w:t xml:space="preserve">If you have not registered yet, please follow the steps mentioned </w:t>
      </w:r>
      <w:hyperlink r:id="rId46" w:anchor="section_section_2" w:history="1">
        <w:r w:rsidR="00844DCC" w:rsidRPr="00844DCC">
          <w:rPr>
            <w:rStyle w:val="Hyperlink"/>
          </w:rPr>
          <w:t>here to create an account</w:t>
        </w:r>
      </w:hyperlink>
    </w:p>
    <w:p w14:paraId="6F8F93CE" w14:textId="77777777" w:rsidR="00D04223" w:rsidRDefault="00496225" w:rsidP="00D04223">
      <w:pPr>
        <w:pStyle w:val="ListParagraph"/>
        <w:numPr>
          <w:ilvl w:val="0"/>
          <w:numId w:val="1"/>
        </w:numPr>
      </w:pPr>
      <w:r>
        <w:t>Right click on the project and select “Run as” -&gt; “Run on Server”</w:t>
      </w:r>
    </w:p>
    <w:p w14:paraId="722627EA" w14:textId="77777777" w:rsidR="00496225" w:rsidRDefault="00496225" w:rsidP="00496225">
      <w:pPr>
        <w:pStyle w:val="ListParagraph"/>
      </w:pPr>
      <w:r>
        <w:rPr>
          <w:noProof/>
          <w:lang w:bidi="hi-IN"/>
        </w:rPr>
        <w:lastRenderedPageBreak/>
        <w:drawing>
          <wp:inline distT="0" distB="0" distL="0" distR="0" wp14:anchorId="6329FE1A" wp14:editId="5D061BD6">
            <wp:extent cx="5095180" cy="3997757"/>
            <wp:effectExtent l="0" t="0" r="0" b="317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7"/>
                    <a:stretch>
                      <a:fillRect/>
                    </a:stretch>
                  </pic:blipFill>
                  <pic:spPr>
                    <a:xfrm>
                      <a:off x="0" y="0"/>
                      <a:ext cx="5103278" cy="40041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CD6335E" w14:textId="77777777" w:rsidR="00496225" w:rsidRDefault="00496225" w:rsidP="00496225">
      <w:pPr>
        <w:pStyle w:val="ListParagraph"/>
      </w:pPr>
    </w:p>
    <w:p w14:paraId="007D84A1" w14:textId="77777777" w:rsidR="00496225" w:rsidRDefault="00496225" w:rsidP="00D04223">
      <w:pPr>
        <w:pStyle w:val="ListParagraph"/>
        <w:numPr>
          <w:ilvl w:val="0"/>
          <w:numId w:val="1"/>
        </w:numPr>
      </w:pPr>
      <w:r>
        <w:t>Enter the options as shown in the below screen shot</w:t>
      </w:r>
    </w:p>
    <w:p w14:paraId="6A55C20B" w14:textId="77777777" w:rsidR="00496225" w:rsidRDefault="00496225" w:rsidP="00496225">
      <w:pPr>
        <w:pStyle w:val="ListParagraph"/>
      </w:pPr>
      <w:r>
        <w:rPr>
          <w:noProof/>
          <w:lang w:bidi="hi-IN"/>
        </w:rPr>
        <w:drawing>
          <wp:inline distT="0" distB="0" distL="0" distR="0" wp14:anchorId="4E66CC44" wp14:editId="58B71947">
            <wp:extent cx="2948661" cy="3620977"/>
            <wp:effectExtent l="0" t="0" r="4445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8"/>
                    <a:stretch>
                      <a:fillRect/>
                    </a:stretch>
                  </pic:blipFill>
                  <pic:spPr>
                    <a:xfrm>
                      <a:off x="0" y="0"/>
                      <a:ext cx="2951158" cy="362404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7020A9E" w14:textId="77777777" w:rsidR="00496225" w:rsidRDefault="00A037BA" w:rsidP="00D04223">
      <w:pPr>
        <w:pStyle w:val="ListParagraph"/>
        <w:numPr>
          <w:ilvl w:val="0"/>
          <w:numId w:val="1"/>
        </w:numPr>
      </w:pPr>
      <w:r>
        <w:lastRenderedPageBreak/>
        <w:t>Enter your SAP HANA Cloud Platform details</w:t>
      </w:r>
      <w:r w:rsidR="00C760EF">
        <w:t xml:space="preserve"> as shown below</w:t>
      </w:r>
    </w:p>
    <w:p w14:paraId="245E46E9" w14:textId="1481379E" w:rsidR="000C75B3" w:rsidRDefault="000C75B3" w:rsidP="000C75B3">
      <w:pPr>
        <w:pStyle w:val="ListParagraph"/>
      </w:pPr>
      <w:r>
        <w:t>Appli</w:t>
      </w:r>
      <w:r w:rsidR="000A6502">
        <w:t xml:space="preserve">cation name = </w:t>
      </w:r>
      <w:proofErr w:type="spellStart"/>
      <w:r w:rsidR="000A6502">
        <w:t>personslistservice</w:t>
      </w:r>
      <w:proofErr w:type="spellEnd"/>
    </w:p>
    <w:p w14:paraId="4FD327B1" w14:textId="77777777" w:rsidR="000C75B3" w:rsidRDefault="00D11373" w:rsidP="000C75B3">
      <w:pPr>
        <w:pStyle w:val="ListParagraph"/>
      </w:pPr>
      <w:r>
        <w:t>Runtime=Automatic</w:t>
      </w:r>
    </w:p>
    <w:p w14:paraId="72A6A357" w14:textId="77777777" w:rsidR="00D11373" w:rsidRDefault="00D11373" w:rsidP="000C75B3">
      <w:pPr>
        <w:pStyle w:val="ListParagraph"/>
      </w:pPr>
      <w:r>
        <w:t>Account name=&lt;username&gt;trial</w:t>
      </w:r>
    </w:p>
    <w:p w14:paraId="7DD52BF9" w14:textId="77777777" w:rsidR="00D11373" w:rsidRDefault="00D11373" w:rsidP="000C75B3">
      <w:pPr>
        <w:pStyle w:val="ListParagraph"/>
      </w:pPr>
      <w:r>
        <w:t>User name=&lt;username&gt;</w:t>
      </w:r>
    </w:p>
    <w:p w14:paraId="7604FAE5" w14:textId="77777777" w:rsidR="00D11373" w:rsidRDefault="00D11373" w:rsidP="000C75B3">
      <w:pPr>
        <w:pStyle w:val="ListParagraph"/>
      </w:pPr>
      <w:r>
        <w:t>Password=&lt;password&gt;</w:t>
      </w:r>
    </w:p>
    <w:p w14:paraId="381A24BE" w14:textId="1684616F" w:rsidR="00A037BA" w:rsidRDefault="00A037BA" w:rsidP="00A037BA">
      <w:pPr>
        <w:pStyle w:val="ListParagraph"/>
      </w:pPr>
      <w:r>
        <w:rPr>
          <w:noProof/>
          <w:lang w:bidi="hi-IN"/>
        </w:rPr>
        <w:drawing>
          <wp:inline distT="0" distB="0" distL="0" distR="0" wp14:anchorId="0351AB10" wp14:editId="6F1C385C">
            <wp:extent cx="2724788" cy="3346059"/>
            <wp:effectExtent l="0" t="0" r="0" b="6985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9"/>
                    <a:stretch>
                      <a:fillRect/>
                    </a:stretch>
                  </pic:blipFill>
                  <pic:spPr>
                    <a:xfrm>
                      <a:off x="0" y="0"/>
                      <a:ext cx="2729593" cy="33519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F9AA574" w14:textId="1ACA53F2" w:rsidR="006A26CF" w:rsidRDefault="006A26CF" w:rsidP="00A037BA">
      <w:pPr>
        <w:pStyle w:val="ListParagraph"/>
      </w:pPr>
    </w:p>
    <w:p w14:paraId="5F0327AE" w14:textId="0346207F" w:rsidR="006A26CF" w:rsidRPr="006A26CF" w:rsidRDefault="006A26CF" w:rsidP="00A037BA">
      <w:pPr>
        <w:pStyle w:val="ListParagraph"/>
        <w:rPr>
          <w:b/>
        </w:rPr>
      </w:pPr>
      <w:r w:rsidRPr="006A26CF">
        <w:rPr>
          <w:b/>
        </w:rPr>
        <w:t xml:space="preserve">Note: </w:t>
      </w:r>
      <w:r>
        <w:rPr>
          <w:b/>
        </w:rPr>
        <w:t xml:space="preserve"> This is just for your information that </w:t>
      </w:r>
      <w:r w:rsidRPr="006A26CF">
        <w:rPr>
          <w:b/>
        </w:rPr>
        <w:t>Application name here is “</w:t>
      </w:r>
      <w:proofErr w:type="spellStart"/>
      <w:r w:rsidRPr="006A26CF">
        <w:rPr>
          <w:b/>
        </w:rPr>
        <w:t>personlistservice</w:t>
      </w:r>
      <w:proofErr w:type="spellEnd"/>
      <w:r w:rsidRPr="006A26CF">
        <w:rPr>
          <w:b/>
        </w:rPr>
        <w:t xml:space="preserve">’ which is different from the project name. </w:t>
      </w:r>
      <w:r>
        <w:rPr>
          <w:b/>
        </w:rPr>
        <w:t>It is not mandatory to give different name here.</w:t>
      </w:r>
    </w:p>
    <w:p w14:paraId="2D599772" w14:textId="77777777" w:rsidR="006A26CF" w:rsidRDefault="006A26CF" w:rsidP="00A037BA">
      <w:pPr>
        <w:pStyle w:val="ListParagraph"/>
      </w:pPr>
    </w:p>
    <w:p w14:paraId="5E00691C" w14:textId="77777777" w:rsidR="00A037BA" w:rsidRDefault="008D194C" w:rsidP="00D04223">
      <w:pPr>
        <w:pStyle w:val="ListParagraph"/>
        <w:numPr>
          <w:ilvl w:val="0"/>
          <w:numId w:val="1"/>
        </w:numPr>
      </w:pPr>
      <w:r>
        <w:t>Click on the Finish button</w:t>
      </w:r>
      <w:r w:rsidR="004B5F05">
        <w:t>. Wait for the application to get deployed successfully</w:t>
      </w:r>
    </w:p>
    <w:p w14:paraId="50CD3A14" w14:textId="77777777" w:rsidR="00891B22" w:rsidRDefault="00891B22" w:rsidP="00891B22">
      <w:pPr>
        <w:pStyle w:val="ListParagraph"/>
      </w:pPr>
      <w:r>
        <w:rPr>
          <w:noProof/>
          <w:lang w:bidi="hi-IN"/>
        </w:rPr>
        <w:drawing>
          <wp:inline distT="0" distB="0" distL="0" distR="0" wp14:anchorId="28AB206E" wp14:editId="4807E1DE">
            <wp:extent cx="5943600" cy="1277620"/>
            <wp:effectExtent l="0" t="0" r="0" b="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2776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39E21C" w14:textId="77777777" w:rsidR="00122D12" w:rsidRDefault="002604B0" w:rsidP="00D838A0">
      <w:pPr>
        <w:rPr>
          <w:b/>
        </w:rPr>
      </w:pPr>
      <w:r>
        <w:rPr>
          <w:b/>
        </w:rPr>
        <w:t>Note: you should be able to access the URL below, by replacing the a</w:t>
      </w:r>
      <w:r w:rsidR="00332354">
        <w:rPr>
          <w:b/>
        </w:rPr>
        <w:t>ccount name.</w:t>
      </w:r>
    </w:p>
    <w:p w14:paraId="137BFCE1" w14:textId="705922BA" w:rsidR="000F6670" w:rsidRPr="00622884" w:rsidRDefault="000F6670" w:rsidP="00D838A0">
      <w:pPr>
        <w:rPr>
          <w:color w:val="000000" w:themeColor="text1"/>
        </w:rPr>
      </w:pPr>
      <w:r w:rsidRPr="00622884">
        <w:rPr>
          <w:color w:val="000000" w:themeColor="text1"/>
        </w:rPr>
        <w:t>As soon as the application is published, copy the URL to your web browser and append the term “</w:t>
      </w:r>
      <w:proofErr w:type="spellStart"/>
      <w:r w:rsidRPr="00622884">
        <w:rPr>
          <w:color w:val="000000" w:themeColor="text1"/>
        </w:rPr>
        <w:t>personslist.svc</w:t>
      </w:r>
      <w:proofErr w:type="spellEnd"/>
      <w:r w:rsidRPr="00622884">
        <w:rPr>
          <w:color w:val="000000" w:themeColor="text1"/>
        </w:rPr>
        <w:t xml:space="preserve">” to the URL. The URL appears as below: </w:t>
      </w:r>
    </w:p>
    <w:p w14:paraId="03A44C01" w14:textId="64177BB4" w:rsidR="002604B0" w:rsidRDefault="001853D5" w:rsidP="00D838A0">
      <w:pPr>
        <w:rPr>
          <w:b/>
        </w:rPr>
      </w:pPr>
      <w:hyperlink w:history="1">
        <w:r w:rsidR="00332354" w:rsidRPr="000D0DF9">
          <w:rPr>
            <w:rStyle w:val="Hyperlink"/>
            <w:b/>
          </w:rPr>
          <w:t>https://personslistservice&lt;accountname&gt;.hanatrial.ondemand.com/personslist-jpa/personslist.svc/</w:t>
        </w:r>
      </w:hyperlink>
      <w:r w:rsidR="002604B0">
        <w:rPr>
          <w:b/>
        </w:rPr>
        <w:t xml:space="preserve"> </w:t>
      </w:r>
    </w:p>
    <w:p w14:paraId="73F19D33" w14:textId="48011842" w:rsidR="009B6AFB" w:rsidRPr="00622884" w:rsidRDefault="00622884" w:rsidP="00D838A0">
      <w:pPr>
        <w:rPr>
          <w:bCs/>
        </w:rPr>
      </w:pPr>
      <w:r>
        <w:rPr>
          <w:bCs/>
        </w:rPr>
        <w:lastRenderedPageBreak/>
        <w:t xml:space="preserve">The </w:t>
      </w:r>
      <w:proofErr w:type="spellStart"/>
      <w:r>
        <w:rPr>
          <w:bCs/>
        </w:rPr>
        <w:t>oData</w:t>
      </w:r>
      <w:proofErr w:type="spellEnd"/>
      <w:r>
        <w:rPr>
          <w:bCs/>
        </w:rPr>
        <w:t xml:space="preserve"> Service </w:t>
      </w:r>
      <w:r w:rsidR="009B6AFB" w:rsidRPr="00622884">
        <w:rPr>
          <w:bCs/>
        </w:rPr>
        <w:t xml:space="preserve">appears as below: </w:t>
      </w:r>
    </w:p>
    <w:p w14:paraId="0FA344FD" w14:textId="77777777" w:rsidR="009B6AFB" w:rsidRPr="002604B0" w:rsidRDefault="009B6AFB" w:rsidP="00D838A0">
      <w:pPr>
        <w:rPr>
          <w:b/>
        </w:rPr>
      </w:pPr>
    </w:p>
    <w:p w14:paraId="033CFC3F" w14:textId="6BB4B8B3" w:rsidR="00D838A0" w:rsidRDefault="00986C47" w:rsidP="00B95A54">
      <w:r>
        <w:rPr>
          <w:noProof/>
          <w:lang w:bidi="hi-IN"/>
        </w:rPr>
        <w:drawing>
          <wp:inline distT="0" distB="0" distL="0" distR="0" wp14:anchorId="0F1EAC0F" wp14:editId="295B9DBA">
            <wp:extent cx="5943600" cy="1350010"/>
            <wp:effectExtent l="19050" t="19050" r="19050" b="2159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OData.png"/>
                    <pic:cNvPicPr/>
                  </pic:nvPicPr>
                  <pic:blipFill>
                    <a:blip r:embed="rId5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35001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55A5B4A2" w14:textId="77777777" w:rsidR="00B6248C" w:rsidRPr="00A42B0E" w:rsidRDefault="00B6248C" w:rsidP="00B95A54"/>
    <w:sectPr w:rsidR="00B6248C" w:rsidRPr="00A42B0E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Mangal">
    <w:altName w:val="BentonSans Book"/>
    <w:panose1 w:val="02040503050203030202"/>
    <w:charset w:val="01"/>
    <w:family w:val="roman"/>
    <w:notTrueType/>
    <w:pitch w:val="variable"/>
    <w:sig w:usb0="00002000" w:usb1="00000000" w:usb2="00000000" w:usb3="00000000" w:csb0="0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5CC965F5"/>
    <w:multiLevelType w:val="hybridMultilevel"/>
    <w:tmpl w:val="4C8273B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1A87C31"/>
    <w:multiLevelType w:val="hybridMultilevel"/>
    <w:tmpl w:val="CCDE184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4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46653"/>
    <w:rsid w:val="000208FB"/>
    <w:rsid w:val="00052949"/>
    <w:rsid w:val="00053345"/>
    <w:rsid w:val="0005610A"/>
    <w:rsid w:val="00057D65"/>
    <w:rsid w:val="000636C2"/>
    <w:rsid w:val="000A6502"/>
    <w:rsid w:val="000B66D8"/>
    <w:rsid w:val="000C0D2A"/>
    <w:rsid w:val="000C60B7"/>
    <w:rsid w:val="000C75B3"/>
    <w:rsid w:val="000D15CF"/>
    <w:rsid w:val="000F6670"/>
    <w:rsid w:val="00100209"/>
    <w:rsid w:val="00104C71"/>
    <w:rsid w:val="00106FAB"/>
    <w:rsid w:val="001154B8"/>
    <w:rsid w:val="00122D12"/>
    <w:rsid w:val="0012322A"/>
    <w:rsid w:val="001321BE"/>
    <w:rsid w:val="00147938"/>
    <w:rsid w:val="00175DC4"/>
    <w:rsid w:val="001853D5"/>
    <w:rsid w:val="00193BCC"/>
    <w:rsid w:val="00194512"/>
    <w:rsid w:val="001A2DE1"/>
    <w:rsid w:val="001A7306"/>
    <w:rsid w:val="001C393B"/>
    <w:rsid w:val="001D2DEB"/>
    <w:rsid w:val="001E1086"/>
    <w:rsid w:val="001E664B"/>
    <w:rsid w:val="001E669C"/>
    <w:rsid w:val="00241041"/>
    <w:rsid w:val="002604B0"/>
    <w:rsid w:val="0026733A"/>
    <w:rsid w:val="00276135"/>
    <w:rsid w:val="002869B4"/>
    <w:rsid w:val="00290C03"/>
    <w:rsid w:val="002B5E0B"/>
    <w:rsid w:val="002D3DBD"/>
    <w:rsid w:val="00332354"/>
    <w:rsid w:val="00336BFF"/>
    <w:rsid w:val="00344F67"/>
    <w:rsid w:val="00361348"/>
    <w:rsid w:val="0037005C"/>
    <w:rsid w:val="0038064F"/>
    <w:rsid w:val="003A3C63"/>
    <w:rsid w:val="003B4A1C"/>
    <w:rsid w:val="003C0B88"/>
    <w:rsid w:val="003C6943"/>
    <w:rsid w:val="003E0339"/>
    <w:rsid w:val="003F19F9"/>
    <w:rsid w:val="00410FC4"/>
    <w:rsid w:val="00425BE4"/>
    <w:rsid w:val="00436CED"/>
    <w:rsid w:val="00446653"/>
    <w:rsid w:val="00455EEF"/>
    <w:rsid w:val="00486807"/>
    <w:rsid w:val="0049260C"/>
    <w:rsid w:val="00496225"/>
    <w:rsid w:val="0049680F"/>
    <w:rsid w:val="004A42C6"/>
    <w:rsid w:val="004B5F05"/>
    <w:rsid w:val="004C3299"/>
    <w:rsid w:val="004E046E"/>
    <w:rsid w:val="004E78D0"/>
    <w:rsid w:val="0052465F"/>
    <w:rsid w:val="005345B8"/>
    <w:rsid w:val="005743C9"/>
    <w:rsid w:val="00577C34"/>
    <w:rsid w:val="00580F2D"/>
    <w:rsid w:val="0058446A"/>
    <w:rsid w:val="005952E7"/>
    <w:rsid w:val="00622884"/>
    <w:rsid w:val="00647076"/>
    <w:rsid w:val="006805F6"/>
    <w:rsid w:val="006A26CF"/>
    <w:rsid w:val="006A43A2"/>
    <w:rsid w:val="006A5AD6"/>
    <w:rsid w:val="006C4F68"/>
    <w:rsid w:val="006D7E4D"/>
    <w:rsid w:val="006F20C2"/>
    <w:rsid w:val="0070318C"/>
    <w:rsid w:val="00760D7E"/>
    <w:rsid w:val="00772359"/>
    <w:rsid w:val="0077777E"/>
    <w:rsid w:val="0078408B"/>
    <w:rsid w:val="00793410"/>
    <w:rsid w:val="007F5794"/>
    <w:rsid w:val="00822B80"/>
    <w:rsid w:val="00834531"/>
    <w:rsid w:val="008347A5"/>
    <w:rsid w:val="008424F9"/>
    <w:rsid w:val="00844DCC"/>
    <w:rsid w:val="0086255B"/>
    <w:rsid w:val="008911E6"/>
    <w:rsid w:val="00891B22"/>
    <w:rsid w:val="008C543D"/>
    <w:rsid w:val="008D194C"/>
    <w:rsid w:val="00935F5A"/>
    <w:rsid w:val="00950E29"/>
    <w:rsid w:val="00956E00"/>
    <w:rsid w:val="00961586"/>
    <w:rsid w:val="009627B4"/>
    <w:rsid w:val="00984862"/>
    <w:rsid w:val="00986C47"/>
    <w:rsid w:val="009A593A"/>
    <w:rsid w:val="009B22AF"/>
    <w:rsid w:val="009B6AFB"/>
    <w:rsid w:val="009B7FD1"/>
    <w:rsid w:val="009F46FE"/>
    <w:rsid w:val="00A037BA"/>
    <w:rsid w:val="00A20E65"/>
    <w:rsid w:val="00A2158E"/>
    <w:rsid w:val="00A42B0E"/>
    <w:rsid w:val="00A6611F"/>
    <w:rsid w:val="00A70D3D"/>
    <w:rsid w:val="00A840FF"/>
    <w:rsid w:val="00A854CE"/>
    <w:rsid w:val="00A96A10"/>
    <w:rsid w:val="00AA1B2C"/>
    <w:rsid w:val="00AA5C2E"/>
    <w:rsid w:val="00AA5EFD"/>
    <w:rsid w:val="00AA5F5D"/>
    <w:rsid w:val="00AB00EC"/>
    <w:rsid w:val="00AB0DBD"/>
    <w:rsid w:val="00AF0D84"/>
    <w:rsid w:val="00B251B2"/>
    <w:rsid w:val="00B6248C"/>
    <w:rsid w:val="00B722F4"/>
    <w:rsid w:val="00B935E9"/>
    <w:rsid w:val="00B95A54"/>
    <w:rsid w:val="00BA4EF6"/>
    <w:rsid w:val="00BA6F3D"/>
    <w:rsid w:val="00BC1D3C"/>
    <w:rsid w:val="00BC304C"/>
    <w:rsid w:val="00BD3CE0"/>
    <w:rsid w:val="00BD7912"/>
    <w:rsid w:val="00C45B0F"/>
    <w:rsid w:val="00C4731E"/>
    <w:rsid w:val="00C73D32"/>
    <w:rsid w:val="00C760EF"/>
    <w:rsid w:val="00CA67DE"/>
    <w:rsid w:val="00CE03E5"/>
    <w:rsid w:val="00D04223"/>
    <w:rsid w:val="00D11373"/>
    <w:rsid w:val="00D2577A"/>
    <w:rsid w:val="00D33903"/>
    <w:rsid w:val="00D43940"/>
    <w:rsid w:val="00D639CA"/>
    <w:rsid w:val="00D838A0"/>
    <w:rsid w:val="00D85A87"/>
    <w:rsid w:val="00D85E1F"/>
    <w:rsid w:val="00E0227D"/>
    <w:rsid w:val="00E46141"/>
    <w:rsid w:val="00E54011"/>
    <w:rsid w:val="00E607AB"/>
    <w:rsid w:val="00E758C1"/>
    <w:rsid w:val="00E84539"/>
    <w:rsid w:val="00E848FB"/>
    <w:rsid w:val="00E917C7"/>
    <w:rsid w:val="00EA4C62"/>
    <w:rsid w:val="00EB6326"/>
    <w:rsid w:val="00EE7B40"/>
    <w:rsid w:val="00F2414C"/>
    <w:rsid w:val="00F26FB1"/>
    <w:rsid w:val="00F30201"/>
    <w:rsid w:val="00F44269"/>
    <w:rsid w:val="00F538DB"/>
    <w:rsid w:val="00F70347"/>
    <w:rsid w:val="00F73B0E"/>
    <w:rsid w:val="00FD5B9B"/>
    <w:rsid w:val="00FE3758"/>
    <w:rsid w:val="00FF6C6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i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797F491"/>
  <w15:docId w15:val="{3AC57D00-0334-4197-93ED-28C8A9594CA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446653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446653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A5AD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A5AD6"/>
    <w:rPr>
      <w:rFonts w:ascii="Tahoma" w:hAnsi="Tahoma" w:cs="Tahoma"/>
      <w:sz w:val="16"/>
      <w:szCs w:val="16"/>
    </w:rPr>
  </w:style>
  <w:style w:type="paragraph" w:customStyle="1" w:styleId="Default">
    <w:name w:val="Default"/>
    <w:rsid w:val="00647076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</w:rPr>
  </w:style>
  <w:style w:type="character" w:customStyle="1" w:styleId="sc101">
    <w:name w:val="sc101"/>
    <w:basedOn w:val="DefaultParagraphFont"/>
    <w:rsid w:val="006A43A2"/>
    <w:rPr>
      <w:rFonts w:ascii="Courier New" w:hAnsi="Courier New" w:cs="Courier New" w:hint="default"/>
      <w:b/>
      <w:bCs/>
      <w:color w:val="000000"/>
      <w:sz w:val="20"/>
      <w:szCs w:val="20"/>
      <w:shd w:val="clear" w:color="auto" w:fill="F2F4FF"/>
    </w:rPr>
  </w:style>
  <w:style w:type="character" w:customStyle="1" w:styleId="sc111">
    <w:name w:val="sc111"/>
    <w:basedOn w:val="DefaultParagraphFont"/>
    <w:rsid w:val="006A43A2"/>
    <w:rPr>
      <w:rFonts w:ascii="Courier New" w:hAnsi="Courier New" w:cs="Courier New" w:hint="default"/>
      <w:color w:val="000000"/>
      <w:sz w:val="20"/>
      <w:szCs w:val="20"/>
      <w:shd w:val="clear" w:color="auto" w:fill="F2F4FF"/>
    </w:rPr>
  </w:style>
  <w:style w:type="character" w:customStyle="1" w:styleId="sc01">
    <w:name w:val="sc01"/>
    <w:basedOn w:val="DefaultParagraphFont"/>
    <w:rsid w:val="006A43A2"/>
    <w:rPr>
      <w:rFonts w:ascii="Courier New" w:hAnsi="Courier New" w:cs="Courier New" w:hint="default"/>
      <w:color w:val="000000"/>
      <w:sz w:val="20"/>
      <w:szCs w:val="20"/>
      <w:shd w:val="clear" w:color="auto" w:fill="F2F4FF"/>
    </w:rPr>
  </w:style>
  <w:style w:type="character" w:customStyle="1" w:styleId="sc61">
    <w:name w:val="sc61"/>
    <w:basedOn w:val="DefaultParagraphFont"/>
    <w:rsid w:val="006A43A2"/>
    <w:rPr>
      <w:rFonts w:ascii="Courier New" w:hAnsi="Courier New" w:cs="Courier New" w:hint="default"/>
      <w:color w:val="808080"/>
      <w:sz w:val="20"/>
      <w:szCs w:val="20"/>
      <w:shd w:val="clear" w:color="auto" w:fill="F2F4FF"/>
    </w:rPr>
  </w:style>
  <w:style w:type="character" w:customStyle="1" w:styleId="sc11">
    <w:name w:val="sc11"/>
    <w:basedOn w:val="DefaultParagraphFont"/>
    <w:rsid w:val="00984862"/>
    <w:rPr>
      <w:rFonts w:ascii="Courier New" w:hAnsi="Courier New" w:cs="Courier New" w:hint="default"/>
      <w:color w:val="0000FF"/>
      <w:sz w:val="20"/>
      <w:szCs w:val="20"/>
    </w:rPr>
  </w:style>
  <w:style w:type="character" w:customStyle="1" w:styleId="sc161">
    <w:name w:val="sc161"/>
    <w:basedOn w:val="DefaultParagraphFont"/>
    <w:rsid w:val="008424F9"/>
    <w:rPr>
      <w:rFonts w:ascii="Courier New" w:hAnsi="Courier New" w:cs="Courier New" w:hint="default"/>
      <w:color w:val="8000FF"/>
      <w:sz w:val="20"/>
      <w:szCs w:val="20"/>
    </w:rPr>
  </w:style>
  <w:style w:type="character" w:customStyle="1" w:styleId="sc0">
    <w:name w:val="sc0"/>
    <w:basedOn w:val="DefaultParagraphFont"/>
    <w:rsid w:val="008424F9"/>
    <w:rPr>
      <w:rFonts w:ascii="Courier New" w:hAnsi="Courier New" w:cs="Courier New" w:hint="default"/>
      <w:color w:val="000000"/>
      <w:sz w:val="20"/>
      <w:szCs w:val="20"/>
    </w:rPr>
  </w:style>
  <w:style w:type="character" w:customStyle="1" w:styleId="sc51">
    <w:name w:val="sc51"/>
    <w:basedOn w:val="DefaultParagraphFont"/>
    <w:rsid w:val="008424F9"/>
    <w:rPr>
      <w:rFonts w:ascii="Courier New" w:hAnsi="Courier New" w:cs="Courier New" w:hint="default"/>
      <w:b/>
      <w:bCs/>
      <w:color w:val="0000FF"/>
      <w:sz w:val="20"/>
      <w:szCs w:val="20"/>
    </w:rPr>
  </w:style>
  <w:style w:type="character" w:customStyle="1" w:styleId="sc31">
    <w:name w:val="sc31"/>
    <w:basedOn w:val="DefaultParagraphFont"/>
    <w:rsid w:val="008424F9"/>
    <w:rPr>
      <w:rFonts w:ascii="Courier New" w:hAnsi="Courier New" w:cs="Courier New" w:hint="default"/>
      <w:color w:val="008080"/>
      <w:sz w:val="20"/>
      <w:szCs w:val="20"/>
    </w:rPr>
  </w:style>
  <w:style w:type="character" w:customStyle="1" w:styleId="sc41">
    <w:name w:val="sc41"/>
    <w:basedOn w:val="DefaultParagraphFont"/>
    <w:rsid w:val="008424F9"/>
    <w:rPr>
      <w:rFonts w:ascii="Courier New" w:hAnsi="Courier New" w:cs="Courier New" w:hint="default"/>
      <w:color w:val="FF8000"/>
      <w:sz w:val="20"/>
      <w:szCs w:val="20"/>
    </w:rPr>
  </w:style>
  <w:style w:type="character" w:customStyle="1" w:styleId="sc171">
    <w:name w:val="sc171"/>
    <w:basedOn w:val="DefaultParagraphFont"/>
    <w:rsid w:val="008424F9"/>
    <w:rPr>
      <w:rFonts w:ascii="Courier New" w:hAnsi="Courier New" w:cs="Courier New" w:hint="default"/>
      <w:b/>
      <w:bCs/>
      <w:color w:val="008080"/>
      <w:sz w:val="20"/>
      <w:szCs w:val="20"/>
    </w:rPr>
  </w:style>
  <w:style w:type="character" w:customStyle="1" w:styleId="sc21">
    <w:name w:val="sc21"/>
    <w:basedOn w:val="DefaultParagraphFont"/>
    <w:rsid w:val="008424F9"/>
    <w:rPr>
      <w:rFonts w:ascii="Courier New" w:hAnsi="Courier New" w:cs="Courier New" w:hint="default"/>
      <w:color w:val="008000"/>
      <w:sz w:val="20"/>
      <w:szCs w:val="20"/>
    </w:rPr>
  </w:style>
  <w:style w:type="character" w:styleId="Hyperlink">
    <w:name w:val="Hyperlink"/>
    <w:basedOn w:val="DefaultParagraphFont"/>
    <w:uiPriority w:val="99"/>
    <w:unhideWhenUsed/>
    <w:rsid w:val="00B6248C"/>
    <w:rPr>
      <w:color w:val="0000FF" w:themeColor="hyperlink"/>
      <w:u w:val="single"/>
    </w:rPr>
  </w:style>
  <w:style w:type="paragraph" w:styleId="ListParagraph">
    <w:name w:val="List Paragraph"/>
    <w:basedOn w:val="Normal"/>
    <w:uiPriority w:val="34"/>
    <w:qFormat/>
    <w:rsid w:val="00D04223"/>
    <w:pPr>
      <w:ind w:left="720"/>
      <w:contextualSpacing/>
    </w:pPr>
  </w:style>
  <w:style w:type="character" w:styleId="CommentReference">
    <w:name w:val="annotation reference"/>
    <w:basedOn w:val="DefaultParagraphFont"/>
    <w:uiPriority w:val="99"/>
    <w:semiHidden/>
    <w:unhideWhenUsed/>
    <w:rsid w:val="000636C2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0636C2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0636C2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0636C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0636C2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176028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111306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99312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668591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749637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405380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832609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075134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17415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755780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74404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1442768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114123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935073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40325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7878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414595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282151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722473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67221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8.png"/><Relationship Id="rId18" Type="http://schemas.openxmlformats.org/officeDocument/2006/relationships/oleObject" Target="embeddings/oleObject1.bin"/><Relationship Id="rId26" Type="http://schemas.openxmlformats.org/officeDocument/2006/relationships/image" Target="media/image19.png"/><Relationship Id="rId39" Type="http://schemas.openxmlformats.org/officeDocument/2006/relationships/image" Target="media/image32.png"/><Relationship Id="rId3" Type="http://schemas.openxmlformats.org/officeDocument/2006/relationships/settings" Target="settings.xml"/><Relationship Id="rId21" Type="http://schemas.openxmlformats.org/officeDocument/2006/relationships/image" Target="media/image14.png"/><Relationship Id="rId34" Type="http://schemas.openxmlformats.org/officeDocument/2006/relationships/image" Target="media/image27.png"/><Relationship Id="rId42" Type="http://schemas.openxmlformats.org/officeDocument/2006/relationships/image" Target="media/image35.png"/><Relationship Id="rId47" Type="http://schemas.openxmlformats.org/officeDocument/2006/relationships/image" Target="media/image39.png"/><Relationship Id="rId50" Type="http://schemas.openxmlformats.org/officeDocument/2006/relationships/image" Target="media/image42.png"/><Relationship Id="rId7" Type="http://schemas.openxmlformats.org/officeDocument/2006/relationships/image" Target="media/image2.png"/><Relationship Id="rId12" Type="http://schemas.openxmlformats.org/officeDocument/2006/relationships/image" Target="media/image7.png"/><Relationship Id="rId17" Type="http://schemas.openxmlformats.org/officeDocument/2006/relationships/image" Target="media/image11.emf"/><Relationship Id="rId25" Type="http://schemas.openxmlformats.org/officeDocument/2006/relationships/image" Target="media/image18.png"/><Relationship Id="rId33" Type="http://schemas.openxmlformats.org/officeDocument/2006/relationships/image" Target="media/image26.png"/><Relationship Id="rId38" Type="http://schemas.openxmlformats.org/officeDocument/2006/relationships/image" Target="media/image31.png"/><Relationship Id="rId46" Type="http://schemas.openxmlformats.org/officeDocument/2006/relationships/hyperlink" Target="https://hcp.sap.com/developers.html?cq_ck=1470685205397" TargetMode="External"/><Relationship Id="rId2" Type="http://schemas.openxmlformats.org/officeDocument/2006/relationships/styles" Target="styles.xml"/><Relationship Id="rId16" Type="http://schemas.openxmlformats.org/officeDocument/2006/relationships/hyperlink" Target="http://archive.eclipse.org/graphiti/updates/0.11.4" TargetMode="External"/><Relationship Id="rId20" Type="http://schemas.openxmlformats.org/officeDocument/2006/relationships/image" Target="media/image13.png"/><Relationship Id="rId29" Type="http://schemas.openxmlformats.org/officeDocument/2006/relationships/image" Target="media/image22.png"/><Relationship Id="rId41" Type="http://schemas.openxmlformats.org/officeDocument/2006/relationships/image" Target="media/image34.png"/><Relationship Id="rId1" Type="http://schemas.openxmlformats.org/officeDocument/2006/relationships/numbering" Target="numbering.xml"/><Relationship Id="rId6" Type="http://schemas.openxmlformats.org/officeDocument/2006/relationships/hyperlink" Target="https://help.sap.com/viewer/65de2977205c403bbc107264b8eccf4b/Cloud/en-US/7613f000711e1014839a8273b0e91070.html" TargetMode="External"/><Relationship Id="rId11" Type="http://schemas.openxmlformats.org/officeDocument/2006/relationships/image" Target="media/image6.png"/><Relationship Id="rId24" Type="http://schemas.openxmlformats.org/officeDocument/2006/relationships/image" Target="media/image17.png"/><Relationship Id="rId32" Type="http://schemas.openxmlformats.org/officeDocument/2006/relationships/image" Target="media/image25.png"/><Relationship Id="rId37" Type="http://schemas.openxmlformats.org/officeDocument/2006/relationships/image" Target="media/image30.png"/><Relationship Id="rId40" Type="http://schemas.openxmlformats.org/officeDocument/2006/relationships/image" Target="media/image33.png"/><Relationship Id="rId45" Type="http://schemas.openxmlformats.org/officeDocument/2006/relationships/image" Target="media/image38.png"/><Relationship Id="rId53" Type="http://schemas.openxmlformats.org/officeDocument/2006/relationships/theme" Target="theme/theme1.xml"/><Relationship Id="rId5" Type="http://schemas.openxmlformats.org/officeDocument/2006/relationships/image" Target="media/image1.png"/><Relationship Id="rId15" Type="http://schemas.openxmlformats.org/officeDocument/2006/relationships/image" Target="media/image10.png"/><Relationship Id="rId23" Type="http://schemas.openxmlformats.org/officeDocument/2006/relationships/image" Target="media/image16.png"/><Relationship Id="rId28" Type="http://schemas.openxmlformats.org/officeDocument/2006/relationships/image" Target="media/image21.png"/><Relationship Id="rId36" Type="http://schemas.openxmlformats.org/officeDocument/2006/relationships/image" Target="media/image29.png"/><Relationship Id="rId49" Type="http://schemas.openxmlformats.org/officeDocument/2006/relationships/image" Target="media/image41.png"/><Relationship Id="rId10" Type="http://schemas.openxmlformats.org/officeDocument/2006/relationships/image" Target="media/image5.png"/><Relationship Id="rId19" Type="http://schemas.openxmlformats.org/officeDocument/2006/relationships/image" Target="media/image12.png"/><Relationship Id="rId31" Type="http://schemas.openxmlformats.org/officeDocument/2006/relationships/image" Target="media/image24.png"/><Relationship Id="rId44" Type="http://schemas.openxmlformats.org/officeDocument/2006/relationships/image" Target="media/image37.png"/><Relationship Id="rId52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4.png"/><Relationship Id="rId14" Type="http://schemas.openxmlformats.org/officeDocument/2006/relationships/image" Target="media/image9.png"/><Relationship Id="rId22" Type="http://schemas.openxmlformats.org/officeDocument/2006/relationships/image" Target="media/image15.png"/><Relationship Id="rId27" Type="http://schemas.openxmlformats.org/officeDocument/2006/relationships/image" Target="media/image20.png"/><Relationship Id="rId30" Type="http://schemas.openxmlformats.org/officeDocument/2006/relationships/image" Target="media/image23.png"/><Relationship Id="rId35" Type="http://schemas.openxmlformats.org/officeDocument/2006/relationships/image" Target="media/image28.png"/><Relationship Id="rId43" Type="http://schemas.openxmlformats.org/officeDocument/2006/relationships/image" Target="media/image36.png"/><Relationship Id="rId48" Type="http://schemas.openxmlformats.org/officeDocument/2006/relationships/image" Target="media/image40.png"/><Relationship Id="rId8" Type="http://schemas.openxmlformats.org/officeDocument/2006/relationships/image" Target="media/image3.png"/><Relationship Id="rId51" Type="http://schemas.openxmlformats.org/officeDocument/2006/relationships/image" Target="media/image43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3</TotalTime>
  <Pages>34</Pages>
  <Words>1963</Words>
  <Characters>11193</Characters>
  <Application>Microsoft Office Word</Application>
  <DocSecurity>0</DocSecurity>
  <Lines>93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AP</Company>
  <LinksUpToDate>false</LinksUpToDate>
  <CharactersWithSpaces>1313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, Krishna Kumar</dc:creator>
  <cp:lastModifiedBy>Ramachandran, Mahipal</cp:lastModifiedBy>
  <cp:revision>12</cp:revision>
  <dcterms:created xsi:type="dcterms:W3CDTF">2017-06-20T08:04:00Z</dcterms:created>
  <dcterms:modified xsi:type="dcterms:W3CDTF">2017-08-21T09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1962831421</vt:i4>
  </property>
  <property fmtid="{D5CDD505-2E9C-101B-9397-08002B2CF9AE}" pid="3" name="_NewReviewCycle">
    <vt:lpwstr/>
  </property>
  <property fmtid="{D5CDD505-2E9C-101B-9397-08002B2CF9AE}" pid="4" name="_EmailSubject">
    <vt:lpwstr>&lt;Information:&gt; Updated Document</vt:lpwstr>
  </property>
  <property fmtid="{D5CDD505-2E9C-101B-9397-08002B2CF9AE}" pid="5" name="_AuthorEmail">
    <vt:lpwstr>mahipal.ramachandran01@sap.com</vt:lpwstr>
  </property>
  <property fmtid="{D5CDD505-2E9C-101B-9397-08002B2CF9AE}" pid="6" name="_AuthorEmailDisplayName">
    <vt:lpwstr>Ramachandran, Mahipal</vt:lpwstr>
  </property>
  <property fmtid="{D5CDD505-2E9C-101B-9397-08002B2CF9AE}" pid="7" name="_ReviewingToolsShownOnce">
    <vt:lpwstr/>
  </property>
</Properties>
</file>